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16"/>
  </p:sldMasterIdLst>
  <p:notesMasterIdLst>
    <p:notesMasterId r:id="rId23"/>
  </p:notesMasterIdLst>
  <p:handoutMasterIdLst>
    <p:handoutMasterId r:id="rId24"/>
  </p:handoutMasterIdLst>
  <p:sldIdLst>
    <p:sldId id="261" r:id="rId17"/>
    <p:sldId id="264" r:id="rId18"/>
    <p:sldId id="267" r:id="rId19"/>
    <p:sldId id="268" r:id="rId20"/>
    <p:sldId id="269" r:id="rId21"/>
    <p:sldId id="263" r:id="rId2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mytro Lieshonok" initials="DL" lastIdx="2" clrIdx="0">
    <p:extLst>
      <p:ext uri="{19B8F6BF-5375-455C-9EA6-DF929625EA0E}">
        <p15:presenceInfo xmlns:p15="http://schemas.microsoft.com/office/powerpoint/2012/main" userId="Dmytro Lieshonok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FF"/>
    <a:srgbClr val="FAFA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773F8A54-F971-430D-9108-034FE38666E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27102A9-8310-4765-A935-A1911B00CA55}" styleName="Styl jasny 1 — Akcent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ED083AE6-46FA-4A59-8FB0-9F97EB10719F}" styleName="Styl jasny 3 — Akcent 4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4"/>
              </a:solidFill>
            </a:ln>
          </a:left>
          <a:right>
            <a:ln w="12700" cmpd="sng">
              <a:solidFill>
                <a:schemeClr val="accent4"/>
              </a:solidFill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 w="12700" cmpd="sng">
              <a:solidFill>
                <a:schemeClr val="accent4"/>
              </a:solidFill>
            </a:ln>
          </a:insideH>
          <a:insideV>
            <a:ln w="12700" cmpd="sng">
              <a:solidFill>
                <a:schemeClr val="accent4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  <a:tblStyle styleId="{2D5ABB26-0587-4C30-8999-92F81FD0307C}" styleName="Bez stylu, bez siatki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10A1B5D5-9B99-4C35-A422-299274C87663}" styleName="Mittlere Formatvorlage 1 - Akz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  <a:tblStyle styleId="{FABFCF23-3B69-468F-B69F-88F6DE6A72F2}" styleName="Mittlere Formatvorlage 1 - Akzent 5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5">
              <a:tint val="20000"/>
            </a:schemeClr>
          </a:solidFill>
        </a:fill>
      </a:tcStyle>
    </a:band1H>
    <a:band1V>
      <a:tcStyle>
        <a:tcBdr/>
        <a:fill>
          <a:solidFill>
            <a:schemeClr val="accent5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Row>
  </a:tblStyle>
  <a:tblStyle styleId="{BDBED569-4797-4DF1-A0F4-6AAB3CD982D8}" styleName="Helle Formatvorlage 3 - Akzent 5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5"/>
              </a:solidFill>
            </a:ln>
          </a:left>
          <a:right>
            <a:ln w="12700" cmpd="sng">
              <a:solidFill>
                <a:schemeClr val="accent5"/>
              </a:solidFill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 w="12700" cmpd="sng">
              <a:solidFill>
                <a:schemeClr val="accent5"/>
              </a:solidFill>
            </a:ln>
          </a:insideH>
          <a:insideV>
            <a:ln w="12700" cmpd="sng">
              <a:solidFill>
                <a:schemeClr val="accent5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68D230F3-CF80-4859-8CE7-A43EE81993B5}" styleName="Helle Formatvorlage 1 - Akz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773F8A54-F971-430D-9108-034FE38666EA}" styleName="ABB Default Table">
    <a:wholeTbl>
      <a:tcTxStyle>
        <a:fontRef idx="minor">
          <a:prstClr val="black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30000" cmpd="sng">
              <a:solidFill>
                <a:schemeClr val="dk1"/>
              </a:solidFill>
            </a:ln>
          </a:top>
          <a:bottom>
            <a:ln w="0" cmpd="sng">
              <a:solidFill>
                <a:schemeClr val="dk1"/>
              </a:solidFill>
            </a:ln>
          </a:bottom>
          <a:insideH>
            <a:ln w="5000" cmpd="sng">
              <a:solidFill>
                <a:schemeClr val="accent4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lt1"/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lt1"/>
          </a:solidFill>
        </a:fill>
      </a:tcStyle>
    </a:band1V>
    <a:band2V>
      <a:tcStyle>
        <a:tcBdr/>
      </a:tcStyle>
    </a:band2V>
    <a:la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lastCol>
    <a:firstCol>
      <a:tcTxStyle b="off">
        <a:fontRef idx="minor">
          <a:schemeClr val="dk1"/>
        </a:fontRef>
        <a:schemeClr val="dk1"/>
      </a:tcTxStyle>
      <a:tcStyle>
        <a:tcBdr/>
        <a:fill>
          <a:solidFill>
            <a:schemeClr val="accent5"/>
          </a:solidFill>
        </a:fill>
      </a:tcStyle>
    </a:firstCol>
    <a:lastRow>
      <a:tcTxStyle b="off">
        <a:fontRef idx="minor">
          <a:prstClr val="black"/>
        </a:fontRef>
        <a:schemeClr val="dk1"/>
      </a:tcTxStyle>
      <a:tcStyle>
        <a:tcBdr/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dk1"/>
      </a:tcTxStyle>
      <a:tcStyle>
        <a:tcBdr>
          <a:bottom>
            <a:ln w="5000" cmpd="sng">
              <a:solidFill>
                <a:schemeClr val="dk1"/>
              </a:solidFill>
            </a:ln>
          </a:bottom>
        </a:tcBdr>
        <a:fill>
          <a:solidFill>
            <a:schemeClr val="lt1"/>
          </a:solidFill>
        </a:fill>
      </a:tcStyle>
    </a:firstRow>
  </a:tblStyle>
  <a:tblStyle styleId="{9D7B26C5-4107-4FEC-AEDC-1716B250A1EF}" styleName="Helle Formatvorlag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4" autoAdjust="0"/>
    <p:restoredTop sz="96327" autoAdjust="0"/>
  </p:normalViewPr>
  <p:slideViewPr>
    <p:cSldViewPr snapToGrid="0" snapToObjects="1" showGuides="1">
      <p:cViewPr varScale="1">
        <p:scale>
          <a:sx n="105" d="100"/>
          <a:sy n="105" d="100"/>
        </p:scale>
        <p:origin x="216" y="584"/>
      </p:cViewPr>
      <p:guideLst/>
    </p:cSldViewPr>
  </p:slideViewPr>
  <p:outlineViewPr>
    <p:cViewPr>
      <p:scale>
        <a:sx n="33" d="100"/>
        <a:sy n="33" d="100"/>
      </p:scale>
      <p:origin x="0" y="-94380"/>
    </p:cViewPr>
  </p:outlin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-5298"/>
    </p:cViewPr>
  </p:sorterViewPr>
  <p:notesViewPr>
    <p:cSldViewPr snapToGrid="0" snapToObjects="1" showGuides="1">
      <p:cViewPr varScale="1">
        <p:scale>
          <a:sx n="91" d="100"/>
          <a:sy n="91" d="100"/>
        </p:scale>
        <p:origin x="3672" y="72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5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commentAuthors" Target="commentAuthors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notesMaster" Target="notesMasters/notesMaster1.xml"/><Relationship Id="rId28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96490A3-8906-4C15-BA06-29841194A30F}" type="datetimeFigureOut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4/7/25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DABD733-F72C-4484-8056-9C6167F848BC}" type="slidenum">
              <a:rPr lang="en-US" smtClean="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rPr>
              <a:t>‹#›</a:t>
            </a:fld>
            <a:endParaRPr lang="en-US" dirty="0">
              <a:latin typeface="ABBvoice" panose="020D0603020503020204" pitchFamily="34" charset="0"/>
              <a:ea typeface="ABBvoice" panose="020D0603020503020204" pitchFamily="34" charset="0"/>
              <a:cs typeface="ABBvoice" panose="020D06030205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561157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 bwMode="gray"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 bwMode="gray"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7B9B1A6A-6BBE-4409-8C9E-DA0703379151}" type="datetimeFigureOut">
              <a:rPr lang="en-US" smtClean="0"/>
              <a:pPr/>
              <a:t>4/7/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 bwMode="gray">
          <a:xfrm>
            <a:off x="383822" y="685800"/>
            <a:ext cx="6096000" cy="3429000"/>
          </a:xfrm>
          <a:prstGeom prst="rect">
            <a:avLst/>
          </a:prstGeom>
          <a:noFill/>
          <a:ln w="12700">
            <a:solidFill>
              <a:schemeClr val="accent5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 bwMode="gray">
          <a:xfrm>
            <a:off x="383822" y="4343400"/>
            <a:ext cx="6090356" cy="4114800"/>
          </a:xfrm>
          <a:prstGeom prst="rect">
            <a:avLst/>
          </a:prstGeom>
        </p:spPr>
        <p:txBody>
          <a:bodyPr vert="horz" lIns="0" tIns="0" rIns="0" bIns="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 bwMode="gray"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 bwMode="gray"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BBvoice" panose="020D0603020503020204" pitchFamily="34" charset="0"/>
                <a:ea typeface="ABBvoice" panose="020D0603020503020204" pitchFamily="34" charset="0"/>
                <a:cs typeface="ABBvoice" panose="020D0603020503020204" pitchFamily="34" charset="0"/>
              </a:defRPr>
            </a:lvl1pPr>
          </a:lstStyle>
          <a:p>
            <a:fld id="{3A94E69C-C28A-4BE6-BE89-71D8FB2035FD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9088564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1pPr>
    <a:lvl2pPr marL="180000" indent="-180000" algn="l" defTabSz="914400" rtl="0" eaLnBrk="1" latinLnBrk="0" hangingPunct="1">
      <a:buFont typeface="ABBvoiceOffice" panose="020D0603020503020204" pitchFamily="34" charset="0"/>
      <a:buChar char="–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2pPr>
    <a:lvl3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3pPr>
    <a:lvl4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4pPr>
    <a:lvl5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ABBvoice" panose="020D0603020503020204" pitchFamily="34" charset="0"/>
        <a:ea typeface="ABBvoice" panose="020D0603020503020204" pitchFamily="34" charset="0"/>
        <a:cs typeface="ABBvoice" panose="020D0603020503020204" pitchFamily="34" charset="0"/>
      </a:defRPr>
    </a:lvl5pPr>
    <a:lvl6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0000" indent="-180000" algn="l" defTabSz="914400" rtl="0" eaLnBrk="1" latinLnBrk="0" hangingPunct="1">
      <a:buFont typeface="Arial" panose="020B0604020202020204" pitchFamily="34" charset="0"/>
      <a:buChar char="•"/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1656913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458325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4772525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84175" y="685800"/>
            <a:ext cx="6096000" cy="34290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A94E69C-C28A-4BE6-BE89-71D8FB2035FD}" type="slidenum">
              <a:rPr lang="en-US" smtClean="0"/>
              <a:pPr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2201783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4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6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727E904-B25D-407B-9176-B1EC3BAEEC7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D8540927-FEEA-4930-9813-BB60C057390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6F4C580F-76F7-40E8-ADEA-2D8C9B25F850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CEA8885D-4C24-47AF-B750-4596970023A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 hidden="1">
            <a:extLst>
              <a:ext uri="{FF2B5EF4-FFF2-40B4-BE49-F238E27FC236}">
                <a16:creationId xmlns:a16="http://schemas.microsoft.com/office/drawing/2014/main" id="{2EAECFDD-505B-4910-A185-543B03579F2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F669D9C2-663A-4AF6-89C3-C44AB453F70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1D5A82AA-7C9A-430A-ADD8-F49D675E442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16" name="Textbox for metadata">
            <a:extLst>
              <a:ext uri="{FF2B5EF4-FFF2-40B4-BE49-F238E27FC236}">
                <a16:creationId xmlns:a16="http://schemas.microsoft.com/office/drawing/2014/main" id="{932E1283-5E1D-4454-90E0-0EB77DB007A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8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AFD311-4076-40D0-970F-D430967AA3D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586EEA8-ACB1-F614-9787-9EA929C4B8DD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8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BF7EFE7-336D-7B45-9CEE-623BE4221500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90862617" name="Classification" descr="{&quot;templafy&quot;:{&quot;id&quot;:&quot;1306a954-eb53-4d3b-a8f7-755c399262a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38552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J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6147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3416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4827600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104000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noProof="0"/>
              <a:t>—</a:t>
            </a:r>
            <a:endParaRPr lang="en-US"/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0D1362E-CE78-4662-BA91-6D9EC4483C6D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6FB3D56-49DD-D6FE-EE0F-8D25858E4E1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D3C50304-11E7-7DA8-E93B-1049644DB6BA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567606326" name="Classification" descr="{&quot;templafy&quot;:{&quot;id&quot;:&quot;7de32af2-0e08-49ff-9100-48d55384ba3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26800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7">
            <a:extLst>
              <a:ext uri="{FF2B5EF4-FFF2-40B4-BE49-F238E27FC236}">
                <a16:creationId xmlns:a16="http://schemas.microsoft.com/office/drawing/2014/main" id="{B1911FE5-F5D9-4714-BE5D-FCA057C73A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9" b="19"/>
          <a:stretch>
            <a:fillRect/>
          </a:stretch>
        </p:blipFill>
        <p:spPr bwMode="gray"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5374" y="1269000"/>
            <a:ext cx="6848476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40431F8-764B-C17E-CC65-C19E1890227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445338F-25DA-4D0B-AE09-634C86CB35CB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BC29D0-EB40-587B-58A6-53D763076F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57FD97F4-D5E2-FCE0-A203-89814C3C181F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95851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ADAAE6-C7C8-41CD-B37C-3EE1E898710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98000" y="1269000"/>
            <a:ext cx="6847200" cy="4320000"/>
          </a:xfrm>
        </p:spPr>
        <p:txBody>
          <a:bodyPr lIns="0" tIns="0" rIns="0" bIns="0"/>
          <a:lstStyle>
            <a:lvl1pPr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—</a:t>
            </a:r>
            <a:br>
              <a:rPr lang="en-US" dirty="0"/>
            </a:br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63B783F-8B3F-FC7D-CFF6-A945E0AF600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C309238-6773-4B40-B75A-F4F5CD040202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BBB293D-D031-5695-8428-C67F0D88F6F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FAAD8AB-118C-AD72-4FA0-0082F2FD2830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855947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2F325B3-798C-47FD-B05F-B2F3AB0330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199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9">
            <a:extLst>
              <a:ext uri="{FF2B5EF4-FFF2-40B4-BE49-F238E27FC236}">
                <a16:creationId xmlns:a16="http://schemas.microsoft.com/office/drawing/2014/main" id="{CFEBAA7B-0B2E-41DA-8401-829266F20A8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1057498"/>
            <a:ext cx="115306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289BAEE-D351-4460-976F-80EE4A24A99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1530600" cy="4244400"/>
          </a:xfrm>
        </p:spPr>
        <p:txBody>
          <a:bodyPr lIns="0" tIns="0" rIns="0" bIns="0"/>
          <a:lstStyle>
            <a:lvl1pPr marL="2844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5688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853200" indent="-284400">
              <a:spcBef>
                <a:spcPts val="1200"/>
              </a:spcBef>
              <a:buFont typeface="ABBvoice" panose="020D0603020503020204" pitchFamily="34" charset="0"/>
              <a:buChar char="•"/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7E1B39-5C80-4225-BFC0-8B0FA7ABAB9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2B732F8-4FA8-4FDC-A795-6371BBB4E79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FE85B4-5EFD-4406-9D3D-357E557D4E6C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B7AAD1-CD9E-4BAD-B4F6-882B69FA448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555451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dirty="0"/>
              <a:t>Click to edit Master title styl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E7A0A1F6-D28F-445F-86A8-4985AF8BE52D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31199" y="1929600"/>
            <a:ext cx="11530011" cy="424815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2EE78E3-0FB5-4EDC-9795-648A78EAEBD6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439108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1929600"/>
            <a:ext cx="11530011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191ABF5-A638-4274-A939-005952C0BF1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5F2AF2E-30CA-4272-8C3D-5F02EA9E768E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069923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B8D13B44-2ED7-4317-A623-6B66EEF724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199" y="2317637"/>
            <a:ext cx="11530011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EB647C7-C6C0-458F-916D-92A3818855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1153001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653D6A4D-9936-42D0-AC4D-FBDE81F97CB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3EA9FC6-4DF3-47E8-8260-6FE5AE4F2855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1211896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1929600"/>
            <a:ext cx="5658438" cy="3582000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BD248592-FF76-4D0C-820C-440D43E1369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81ED819F-97D5-448E-930E-1025F3EC08CB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722300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7B5336C-3364-49A8-B303-FFEDF4FEBDF6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7"/>
            <a:ext cx="5658438" cy="3193962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2A16399-43BB-47C9-B960-482AB4AC598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3361" y="2317637"/>
            <a:ext cx="5658438" cy="3193962"/>
          </a:xfrm>
          <a:noFill/>
          <a:ln>
            <a:noFill/>
          </a:ln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6E8EA06-F8FC-49A9-A139-19792C8D084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199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8D40EE9E-5785-4471-8A7D-6EDB4494F687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361" y="1929600"/>
            <a:ext cx="5658439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807EBA1-9E93-40B5-AB47-FE6B3497E9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F801677-5381-4CB3-9705-EB46AA325244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531262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34F12F13-0517-4E0E-8E16-1636B7C145A4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C98B010-9E51-4508-988C-7150B2C9E60D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455613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Chart&#10;&#10;Description automatically generated with medium confidence">
            <a:extLst>
              <a:ext uri="{FF2B5EF4-FFF2-40B4-BE49-F238E27FC236}">
                <a16:creationId xmlns:a16="http://schemas.microsoft.com/office/drawing/2014/main" id="{83AD3074-4AEC-4AC2-A26D-D25764BFE98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EF272EA1-7C97-4CB4-A2F2-14BEE5DCB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2B5F8F87-3B65-4B62-9068-930D3EF1A8B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Date Placeholder 2">
            <a:extLst>
              <a:ext uri="{FF2B5EF4-FFF2-40B4-BE49-F238E27FC236}">
                <a16:creationId xmlns:a16="http://schemas.microsoft.com/office/drawing/2014/main" id="{7C62B3A4-847D-448E-B792-DE62FEB4E58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8D568F6-A414-4865-8B55-29384C831DDE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14" name="Footer Placeholder 5" hidden="1">
            <a:extLst>
              <a:ext uri="{FF2B5EF4-FFF2-40B4-BE49-F238E27FC236}">
                <a16:creationId xmlns:a16="http://schemas.microsoft.com/office/drawing/2014/main" id="{B6935CD3-ECA4-4229-A00C-3BDDEB2BD50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6" hidden="1">
            <a:extLst>
              <a:ext uri="{FF2B5EF4-FFF2-40B4-BE49-F238E27FC236}">
                <a16:creationId xmlns:a16="http://schemas.microsoft.com/office/drawing/2014/main" id="{9AA86E30-296D-41CC-A9C9-C72660CB775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89FB94D8-068A-40E5-9C29-DDB083870C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9" name="Text Placeholder 26">
            <a:extLst>
              <a:ext uri="{FF2B5EF4-FFF2-40B4-BE49-F238E27FC236}">
                <a16:creationId xmlns:a16="http://schemas.microsoft.com/office/drawing/2014/main" id="{DCA8C29B-B642-430B-B35C-1D22E16B5ADC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sp>
        <p:nvSpPr>
          <p:cNvPr id="29" name="Textbox for metadata">
            <a:extLst>
              <a:ext uri="{FF2B5EF4-FFF2-40B4-BE49-F238E27FC236}">
                <a16:creationId xmlns:a16="http://schemas.microsoft.com/office/drawing/2014/main" id="{D7DCD54B-3107-4990-98EF-B47683C6F3FD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B0D0F57F-14FF-4552-BF2B-6E2C9856C84B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53A252EE-186A-84DA-8EA2-955674DE994F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4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FEA024D1-ACAB-258A-67C0-CC52CA86E68F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440626863" name="Classification" descr="{&quot;templafy&quot;:{&quot;id&quot;:&quot;d33a0709-24a3-4fc4-8724-b8fa75e4830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07923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65E783B-432D-48FF-919E-E9841F6E7CDB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E0F0C72-0A6F-47EB-B787-31465205AA0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2FDDA8A-CD8B-4264-BB35-5DED5E32A8B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317636"/>
            <a:ext cx="3701050" cy="3193963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706B61B5-5ECE-42A3-B17B-C8474A1712E3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19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2773C736-6DC9-4D25-9135-9FEE1C01F06F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378A027D-384E-4893-8ACE-7EB49A9DD383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1929600"/>
            <a:ext cx="3701051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449C90DB-E14A-489D-A9C1-BC279A96B9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4A9EFD76-11B9-42D3-8F67-053DFC685B12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7689517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960817C6-275D-460F-9252-B93D047D698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4B70CD1-C41C-414B-A51B-8D51D9EDBDBC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8334732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8" y="1057498"/>
            <a:ext cx="11530011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690AB117-4C73-4A20-9957-79D439C51B4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308727B-EED5-46EC-841D-047A6193C6F7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649CA4A0-E652-4ED8-94BE-90A9E06898C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8153C1-25B9-4517-970E-E26DC9F1778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2317636"/>
            <a:ext cx="2721563" cy="3193964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268A3033-04CA-4439-8559-F7AE384EA32B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D699DA1-1B8F-4C83-8F6C-063B993E67C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1F962DF-57F1-4D07-A843-D38835817327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4DC621D3-00B6-4873-80E9-80B2E963CB27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1929600"/>
            <a:ext cx="2721563" cy="253592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20E266E3-5FFB-41B2-9494-480B63C0ED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EB4319-3BA4-418A-A5E9-F60173BA8E4D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3463310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111B9042-212B-46A5-9683-B0E80DA38729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C8272B2-E586-4FA2-8B90-41D4FAB96F2A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4EE1E65-7497-40C2-9994-C31475F1F0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0A57BBC-5882-4E81-BCA2-FF31B00865E5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40A4B2B-8988-4AFD-A14B-AAA7F09DD51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2D5142AE-B3D0-4774-B832-9DD3EC701A42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0849462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8A928EB5-CEDF-4A8E-81B5-DCF53570E957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43B0B81C-97D4-4F96-B86E-78446A115C9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01D9841E-35A4-4050-896A-91A2DAC646E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4151" y="1929600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5AE70BE-1AE8-4A0C-AE03-7895C4186A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4151" y="3827714"/>
            <a:ext cx="5658438" cy="1685138"/>
          </a:xfrm>
          <a:solidFill>
            <a:schemeClr val="accent5"/>
          </a:solidFill>
        </p:spPr>
        <p:txBody>
          <a:bodyPr lIns="108000" tIns="108000" rIns="108000" bIns="10800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E790894-8E0F-44FE-8E80-5B61F5EE8C7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59C796D-1B49-4E34-B30C-BB7A6D17ED22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68712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9CD7502-5938-4389-B579-94E4A626E74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CA0C8084-3849-47AB-874C-D79A49627A9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680508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4705789A-64BC-481F-BB51-3113BE639E7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816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E37C0D0A-A50A-45C1-8190-526E16A1EF9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7379124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369E9214-F99C-45F1-92F0-86CA4C2DF62C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9728430" y="1929600"/>
            <a:ext cx="2134159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8CA02EF2-4CA1-4BAA-BEF7-557FE01D70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D136C97-55C9-4256-8BCC-A29BA1359F85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482953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DC069AE-4595-4F69-A33D-19262102106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9819553D-0FB3-43C0-986B-7FC595AE43C4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228874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BFE61DB2-D5AC-443E-944E-263599532F8B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24629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28E24C1F-EA44-4316-85CB-A3FD52704376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203835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0FB7471F-CC87-42BF-8FF7-FCFD02E09754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161380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9FEC9E4E-C67E-4E57-9B58-24B9E177B04F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10118926" y="1929600"/>
            <a:ext cx="17436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2881809-A7B5-4526-BBA2-7A02D8A6955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4364FE6-7931-48FF-884B-9C70800E0038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60212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C4CEC49-D3F2-4087-B090-CC600446878F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E0F39AC-3C30-4653-B2FB-5DEED0522028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ECDF745A-5CCE-4066-B327-433778B0EADD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1929600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DA5DF35-04D6-4B3E-8C90-1E98EBB7C18A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331200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2076C0C-4A2D-44FD-B598-286736F29BCA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245975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E41F7DA0-0F6C-441C-B565-0C058C2E1500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60749" y="3827714"/>
            <a:ext cx="3701050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41ECC15F-7C10-4935-8982-A8422A134E9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D97BD6A-00E0-42B5-8DA6-5D1132394BF6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6534057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D2E957E-1838-4CD0-B6A0-51FEFF23F39D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D15157C6-6D4A-4DDE-9987-9DB9A432B24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267545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54051EE1-49F6-492B-B13B-31EA841D39F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03890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AD543771-ECCC-4B61-B10B-B29AC251EB7C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0236" y="1929600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0" name="Content Placeholder 8">
            <a:extLst>
              <a:ext uri="{FF2B5EF4-FFF2-40B4-BE49-F238E27FC236}">
                <a16:creationId xmlns:a16="http://schemas.microsoft.com/office/drawing/2014/main" id="{20E6F15F-BCD7-43EA-B6A7-A9D7E7E08A3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75A95EF1-3692-4526-8F7E-86DF4458BD9C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3267545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25D091E8-36DA-49BB-805A-67B1175FE099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6203890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30B3BAED-A68C-44C5-936A-FECF662C445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9140236" y="3827714"/>
            <a:ext cx="2721563" cy="168513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9B8FFAD-A63F-423B-8B3A-78FF6FBA9C0F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C0C9163-1A50-4D9E-8C77-630EB66F52A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834687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9AF416F-3BC8-4A49-A9DA-4F4E14BD9EE6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2289175" y="19296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7CD77F5C-7E22-4988-898D-D00F5D9CD0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2289175" y="31788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83810668-C703-445D-9664-9098F49777F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4428000"/>
            <a:ext cx="9574213" cy="1080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FB1884A1-CF89-46FD-90B2-856A47701333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1201" y="19296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BFD86A11-87FF-4DCC-B9D2-B666660C6E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331201" y="31788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6F97BA98-5A30-4E5F-B616-3DD2FB543519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1" y="4428000"/>
            <a:ext cx="1743664" cy="1080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5DD4D7C-2CE8-4ABF-BFD5-63515BA5DBBC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F332D07F-212A-4F1F-A913-9C992990BDE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191959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7FB7B14-392A-40B8-926C-0B6BDE0E19FB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63A5345-9942-7CA3-3C89-5E8D0F5E3614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52CC6C05-E06C-D058-732C-FCE1D5DE3D6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58225983" name="Classification" descr="{&quot;templafy&quot;:{&quot;id&quot;:&quot;49d94889-25bd-4d9f-a931-91ac29f0f77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23272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sec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516E3F5E-86F1-4189-95E6-3E3FCAA7E57B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19296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9473803-25B0-48E7-A720-3DC0D09F9EA0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2289175" y="28584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70FEA12C-85FF-468F-97EE-32C99D8CFE06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2289175" y="37872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8238CB58-E5B8-4AB2-95E4-2BACE430AD48}"/>
              </a:ext>
            </a:extLst>
          </p:cNvPr>
          <p:cNvSpPr>
            <a:spLocks noGrp="1"/>
          </p:cNvSpPr>
          <p:nvPr>
            <p:ph sz="quarter" idx="28"/>
          </p:nvPr>
        </p:nvSpPr>
        <p:spPr>
          <a:xfrm>
            <a:off x="2289175" y="4716000"/>
            <a:ext cx="9574213" cy="79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D4BF1D29-3435-4164-B890-745B9AB2B2BA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331201" y="19296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6F29A2FA-2B0C-4A45-92DB-06D5B9DEBF74}"/>
              </a:ext>
            </a:extLst>
          </p:cNvPr>
          <p:cNvSpPr>
            <a:spLocks noGrp="1"/>
          </p:cNvSpPr>
          <p:nvPr>
            <p:ph sz="quarter" idx="29"/>
          </p:nvPr>
        </p:nvSpPr>
        <p:spPr>
          <a:xfrm>
            <a:off x="331201" y="28584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97709378-E74F-4797-905F-17F4A0599703}"/>
              </a:ext>
            </a:extLst>
          </p:cNvPr>
          <p:cNvSpPr>
            <a:spLocks noGrp="1"/>
          </p:cNvSpPr>
          <p:nvPr>
            <p:ph sz="quarter" idx="30"/>
          </p:nvPr>
        </p:nvSpPr>
        <p:spPr>
          <a:xfrm>
            <a:off x="331201" y="37872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9" name="Content Placeholder 8">
            <a:extLst>
              <a:ext uri="{FF2B5EF4-FFF2-40B4-BE49-F238E27FC236}">
                <a16:creationId xmlns:a16="http://schemas.microsoft.com/office/drawing/2014/main" id="{F1E9E9DA-7BA5-4FCB-9176-B988B0CD8A78}"/>
              </a:ext>
            </a:extLst>
          </p:cNvPr>
          <p:cNvSpPr>
            <a:spLocks noGrp="1"/>
          </p:cNvSpPr>
          <p:nvPr>
            <p:ph sz="quarter" idx="31"/>
          </p:nvPr>
        </p:nvSpPr>
        <p:spPr>
          <a:xfrm>
            <a:off x="331201" y="4716000"/>
            <a:ext cx="1743664" cy="792000"/>
          </a:xfrm>
        </p:spPr>
        <p:txBody>
          <a:bodyPr lIns="0" tIns="0" rIns="0" bIns="0"/>
          <a:lstStyle>
            <a:lvl1pPr>
              <a:defRPr sz="16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C1B99B3E-00B2-4B94-8810-1F4D3724101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DA05FF4-61BB-449E-9F97-8071C0A59403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227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B71CB31-8784-427F-9939-4AB0493804E2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C8F4DB0-74AF-4ED8-B106-40697AB95BA6}" type="datetime4">
              <a:rPr lang="en-US" noProof="0" smtClean="0"/>
              <a:t>April 7, 2025</a:t>
            </a:fld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321879CC-FD5F-4989-BE5B-B088F2C720C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782617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0"/>
            <a:ext cx="5986462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F4AF48D9-D62A-43F2-B1B1-80F00328C2E1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C8E9236-4674-48BE-8000-E1CDB179538F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083B2B64-DEC0-437B-8CF1-FF080677286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146108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246563" y="1929600"/>
            <a:ext cx="7616825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D15BD5A4-C0CB-4E6D-82DC-F95E085D10AD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331200" y="1929600"/>
            <a:ext cx="3701050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3A2734F-6DC1-4BFA-88C9-7E34A3EF29E8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D224E81-3B71-4BD4-8650-96F92DAA0D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23235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&amp;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3582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701C5F00-64AD-4E5C-9A89-0FB66FF3455E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6204151" y="1929600"/>
            <a:ext cx="5658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2D94533-C025-401D-A3B6-4EEF76D00298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DC53B099-959A-4FA4-8B87-C7BCAA0E2AD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5953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&amp;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 dirty="0"/>
              <a:t>Click to edit Master title style</a:t>
            </a:r>
            <a:endParaRPr lang="en-US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267075" y="1929600"/>
            <a:ext cx="5657850" cy="3582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37772B2F-A922-4FD0-B70C-DF06D70EDEF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31200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AD2821E5-D990-439A-A494-886D9CF08292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9141026" y="1929600"/>
            <a:ext cx="2721563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B775EAE7-683E-45F5-9A95-E6DD1094D885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F139C90-52BB-4794-B21A-FE69E4C0F94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70339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&amp; four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1743663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57CBEA0-D649-41AB-96A9-0A1BAA2BBC69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05538" y="1929600"/>
            <a:ext cx="1741487" cy="168389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FC3BCC6-F11F-4786-B6A2-A61B71BFCA5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199" y="3827463"/>
            <a:ext cx="1743663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76B3C7E3-593C-48D3-9C43-78D8CBB54BCB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205538" y="3827463"/>
            <a:ext cx="1741487" cy="1684137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4B60418-CD27-4B6A-B47B-4BDFA7CA6905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2289175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4" name="Content Placeholder 8">
            <a:extLst>
              <a:ext uri="{FF2B5EF4-FFF2-40B4-BE49-F238E27FC236}">
                <a16:creationId xmlns:a16="http://schemas.microsoft.com/office/drawing/2014/main" id="{0C9024FC-07E0-4B27-8F60-C634F0536A8E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2289175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DD5ECF00-2F66-45D3-A4DD-E29E84C05CEF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8162126" y="1929600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8" name="Content Placeholder 8">
            <a:extLst>
              <a:ext uri="{FF2B5EF4-FFF2-40B4-BE49-F238E27FC236}">
                <a16:creationId xmlns:a16="http://schemas.microsoft.com/office/drawing/2014/main" id="{C7C9823B-43AB-4F63-9D6D-5A962847C33C}"/>
              </a:ext>
            </a:extLst>
          </p:cNvPr>
          <p:cNvSpPr>
            <a:spLocks noGrp="1"/>
          </p:cNvSpPr>
          <p:nvPr>
            <p:ph sz="quarter" idx="27"/>
          </p:nvPr>
        </p:nvSpPr>
        <p:spPr>
          <a:xfrm>
            <a:off x="8162126" y="3827702"/>
            <a:ext cx="3700463" cy="1683898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F9683E2-8A1B-4901-92D6-41888719CCBB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86F6A932-1446-4FE1-8B9F-00388D8CFC3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8091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6193F035-179C-488A-981A-C45C4ED70E79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A070848A-0A2B-4E42-BA39-7225BE9CE2BF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24636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AE3C9E3-E2A8-46ED-ABF1-7303E76CEF2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61539" y="192960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9832A96F-2BC5-43BC-99A2-C5EA0E0B92E8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33120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C12755E-FD35-421D-92FC-301A3E6C795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370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36658FB1-3615-4333-B392-A31BA2C7E1DD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8161539" y="3828250"/>
            <a:ext cx="370105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7F3D969B-F1B8-417E-A3D4-EA1488C5BC9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223342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ight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3262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430468A-A583-475C-91B3-9EEC22E344FB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1E005323-AD61-4D2C-AED7-77715F76515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3269171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E265B3D8-2A9B-4D13-BF6C-564CE2C2C16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080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42FC6897-A625-48C9-B09E-E8160A89BB9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9140989" y="192960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D948E42-FDE5-4236-912E-FAD45E412CE6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333262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05F2CC5F-8E4F-4642-B2B0-2BE00A820765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3269171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1D8BDEDA-0F19-4637-BBCF-46A127B54FFD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080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432A8BA0-84B2-4316-8A93-63EFB05A0FF9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9140989" y="3828250"/>
            <a:ext cx="2721600" cy="16851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BB1ADEE7-69F7-4612-BA69-1E14BB9BCCD9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859104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719600"/>
            <a:ext cx="5658437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5658438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205538" y="4719600"/>
            <a:ext cx="5657850" cy="788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D66B2ABB-D636-4A64-BA44-A7267F23329F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205538" y="1929600"/>
            <a:ext cx="5657850" cy="26676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00D889A-2322-4DDB-A5EF-532FA124D0A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347274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2FE1CDC-7110-44AA-8C0E-6728506872AD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89960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dirty="0"/>
              <a:t>.</a:t>
            </a:r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C4C54101-727D-1B3B-6116-7B2F8F010DEE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D53989B-4D56-6014-24FC-8B1B0E551F66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974869225" name="Classification" descr="{&quot;templafy&quot;:{&quot;id&quot;:&quot;ec34433b-61f3-4874-af57-00aa3589447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17842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4420800"/>
            <a:ext cx="3701050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3699460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246563" y="4420800"/>
            <a:ext cx="3700462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246561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162925" y="4420800"/>
            <a:ext cx="3700463" cy="108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60DA76D-A31E-4D1F-AF67-0C4DBC02A76D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62925" y="1929600"/>
            <a:ext cx="3700463" cy="23652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3F6BC82E-5E7C-45F5-91CD-D280E38D1F4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809609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9" y="4068000"/>
            <a:ext cx="2721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267450" y="4068000"/>
            <a:ext cx="2722563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267783" y="1929600"/>
            <a:ext cx="2721563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4701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04367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140989" y="4068000"/>
            <a:ext cx="2721600" cy="1443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859AA10-B672-4B0C-BC45-3E91ECF3EE17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140989" y="1929600"/>
            <a:ext cx="2721600" cy="2016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DAC575A-6618-4D58-8557-3418AC6A26F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80680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199" y="1929600"/>
            <a:ext cx="2134799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680347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80346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029494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5029494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7378641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378642" y="1929600"/>
            <a:ext cx="2134800" cy="15588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727789" y="3610800"/>
            <a:ext cx="2134800" cy="1897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8CD4778-A113-4B3E-BE85-4C38827792B4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27789" y="1929600"/>
            <a:ext cx="2134800" cy="15588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731086D8-E45A-41ED-AC3B-AE44C824906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25917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1200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6A070371-E7DC-4C2B-BB60-219E2F6D1CE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88998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EFAE11EA-B7EE-4605-AC20-DF5266E57D1B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288998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16AF0EBF-62A4-42DC-9C7E-514C93CDDDF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46796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75C67401-BB72-41AA-A861-52013F7781F0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246796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932C5289-B8D0-4FEF-9F54-0D65EFD8920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204594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A4C3A35-E23E-4C15-8D67-07EFD5F941E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4594" y="1929600"/>
            <a:ext cx="1742400" cy="1224000"/>
          </a:xfrm>
        </p:spPr>
        <p:txBody>
          <a:bodyPr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AF557D37-8C58-45BB-BCD2-B899758EECF1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62392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EF28028A-6874-45E0-BC8D-8A1F2FBBA251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8162392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20D32C3-A646-46A3-A89B-D8B54CCB200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10120189" y="3276000"/>
            <a:ext cx="1742400" cy="2232000"/>
          </a:xfrm>
        </p:spPr>
        <p:txBody>
          <a:bodyPr lIns="0" tIns="0" rIns="0" bIns="0"/>
          <a:lstStyle>
            <a:lvl1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2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4E2AFF6-F61C-424F-AD48-E5E504B17376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F50D2F7-148B-415F-9691-B8FFA28455D4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10120189" y="1929600"/>
            <a:ext cx="1742400" cy="1224000"/>
          </a:xfrm>
        </p:spPr>
        <p:txBody>
          <a:bodyPr lIns="0" tIns="0" rIns="0" bIns="0"/>
          <a:lstStyle/>
          <a:p>
            <a:r>
              <a:rPr lang="en-US" noProof="0" dirty="0"/>
              <a:t>Click icon to add picture</a:t>
            </a:r>
            <a:endParaRPr lang="en-US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D760D6FD-6CAE-4F90-B86F-38E9400A0AC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24775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&amp; nin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4896438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4895849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2055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59548B43-B5A0-4273-B56B-10B599F0056D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171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35CD4B9C-945C-40FF-BD47-450E004E7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28738" y="279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C37EE18F-5138-46F6-8F64-45A9C1B34E2B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2055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31F1B58F-EB8F-46BE-AEA0-7CD46F5312C3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17138" y="2052205"/>
            <a:ext cx="1834650" cy="1686395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A0E14069-0987-4022-836B-AAB206CC5CA6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10028738" y="2052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742A9089-F92B-49A4-BABA-71AA8366E460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62055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C0EF4526-4C12-4244-8872-7B4E2C535F2F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81171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2437BD9E-8D26-498F-82EA-45C3AF5A77AD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10028738" y="3825205"/>
            <a:ext cx="1834650" cy="1686395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AE84A20A-6C50-422B-A13D-BA125DC2739D}"/>
              </a:ext>
            </a:extLst>
          </p:cNvPr>
          <p:cNvSpPr>
            <a:spLocks noGrp="1"/>
          </p:cNvSpPr>
          <p:nvPr>
            <p:ph sz="quarter" idx="26"/>
          </p:nvPr>
        </p:nvSpPr>
        <p:spPr>
          <a:xfrm>
            <a:off x="331200" y="1929600"/>
            <a:ext cx="4896438" cy="35820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A19BC4A7-5571-459D-9C43-D8AB65C6A600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AC4A9BBF-197B-4C9D-B440-391CB9BAAF0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7005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cture full sc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6E42F1E3-1CF0-4318-B2CA-0E8CE1BBC509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0" y="0"/>
            <a:ext cx="12192000" cy="6858000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80" name="Title 1">
            <a:extLst>
              <a:ext uri="{FF2B5EF4-FFF2-40B4-BE49-F238E27FC236}">
                <a16:creationId xmlns:a16="http://schemas.microsoft.com/office/drawing/2014/main" id="{30A68600-7881-4B67-B186-6217D1ABAC7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600" cy="367200"/>
          </a:xfrm>
        </p:spPr>
        <p:txBody>
          <a:bodyPr/>
          <a:lstStyle/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233B759A-8EC4-474C-9D8F-27FFD7EFC0C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4F6A480-9627-4834-A7C2-9C9C23E027E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357F29-FBD8-4C17-AA78-F7962A8410D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E2FD292C-8ACD-4DDF-85DC-F78023C9F065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6EB2A1-5955-4872-8062-32929D0BDAB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9BF6FE6-5893-4416-9A56-5FE878A6910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4800" y="514800"/>
            <a:ext cx="306000" cy="32400"/>
          </a:xfrm>
          <a:solidFill>
            <a:schemeClr val="bg2"/>
          </a:solidFill>
          <a:ln w="6350">
            <a:solidFill>
              <a:schemeClr val="bg2"/>
            </a:solidFill>
            <a:miter lim="800000"/>
          </a:ln>
        </p:spPr>
        <p:txBody>
          <a:bodyPr lIns="0" tIns="0" rIns="0" bIns="0"/>
          <a:lstStyle>
            <a:lvl1pPr>
              <a:defRPr>
                <a:noFill/>
              </a:defRPr>
            </a:lvl1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</p:txBody>
      </p:sp>
      <p:pic>
        <p:nvPicPr>
          <p:cNvPr id="2" name="LogoFooter">
            <a:extLst>
              <a:ext uri="{FF2B5EF4-FFF2-40B4-BE49-F238E27FC236}">
                <a16:creationId xmlns:a16="http://schemas.microsoft.com/office/drawing/2014/main" id="{B5B2B43B-F910-7839-8063-5DB9432AABA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6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185D9D8-D11B-3B47-230F-74A7A19935AB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Slide number">
            <a:extLst>
              <a:ext uri="{FF2B5EF4-FFF2-40B4-BE49-F238E27FC236}">
                <a16:creationId xmlns:a16="http://schemas.microsoft.com/office/drawing/2014/main" id="{41A3BA16-6B6A-D206-D9D9-E6B17F9FD035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10" name="Date dynamic">
            <a:extLst>
              <a:ext uri="{FF2B5EF4-FFF2-40B4-BE49-F238E27FC236}">
                <a16:creationId xmlns:a16="http://schemas.microsoft.com/office/drawing/2014/main" id="{0B08ACCB-C2A9-AB0F-53B9-508FB5BB603A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May 8, 2023</a:t>
            </a:r>
          </a:p>
        </p:txBody>
      </p:sp>
    </p:spTree>
    <p:extLst>
      <p:ext uri="{BB962C8B-B14F-4D97-AF65-F5344CB8AC3E}">
        <p14:creationId xmlns:p14="http://schemas.microsoft.com/office/powerpoint/2010/main" val="34016767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ounded picture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1789" y="2304000"/>
            <a:ext cx="2935286" cy="2935286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032250" y="2304000"/>
            <a:ext cx="7818950" cy="2343600"/>
          </a:xfrm>
        </p:spPr>
        <p:txBody>
          <a:bodyPr lIns="0" tIns="0" rIns="0" bIns="0"/>
          <a:lstStyle>
            <a:lvl1pPr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568800" indent="-284400">
              <a:defRPr sz="2400" b="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45EE9DB0-5B20-4895-89CC-4D1979114BE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032250" y="4737600"/>
            <a:ext cx="7818950" cy="684000"/>
          </a:xfrm>
        </p:spPr>
        <p:txBody>
          <a:bodyPr lIns="0" tIns="0" rIns="0" bIns="0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F576353-D5DB-4F2A-A22E-FA267E06FBC8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74576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rounded picture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2B44EC52-177B-4EE6-B503-BC62C90040B3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 bwMode="gray">
          <a:xfrm>
            <a:off x="338400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198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2767594A-9B1B-4FC9-A3EF-98EEA86AC62C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 bwMode="gray">
          <a:xfrm>
            <a:off x="3272596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5E9B6A50-8E7E-44DE-87B0-BBA84E8C9C4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5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403055A0-7433-437E-92E6-21BA8C2F2EC9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 bwMode="gray">
          <a:xfrm>
            <a:off x="6206792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F4B5EE1A-3316-46F5-BB7B-CCCA30464A87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00FD68CA-5637-4712-BABD-05E96DCD3BCF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 bwMode="gray">
          <a:xfrm>
            <a:off x="9140989" y="1944000"/>
            <a:ext cx="2721600" cy="2664000"/>
          </a:xfrm>
          <a:custGeom>
            <a:avLst/>
            <a:gdLst>
              <a:gd name="connsiteX0" fmla="*/ 1486800 w 2973600"/>
              <a:gd name="connsiteY0" fmla="*/ 0 h 2973600"/>
              <a:gd name="connsiteX1" fmla="*/ 2973600 w 2973600"/>
              <a:gd name="connsiteY1" fmla="*/ 1486800 h 2973600"/>
              <a:gd name="connsiteX2" fmla="*/ 1486800 w 2973600"/>
              <a:gd name="connsiteY2" fmla="*/ 2973600 h 2973600"/>
              <a:gd name="connsiteX3" fmla="*/ 0 w 2973600"/>
              <a:gd name="connsiteY3" fmla="*/ 1486800 h 2973600"/>
              <a:gd name="connsiteX4" fmla="*/ 1486800 w 2973600"/>
              <a:gd name="connsiteY4" fmla="*/ 0 h 297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973600" h="2973600">
                <a:moveTo>
                  <a:pt x="1486800" y="0"/>
                </a:moveTo>
                <a:cubicBezTo>
                  <a:pt x="2307937" y="0"/>
                  <a:pt x="2973600" y="665663"/>
                  <a:pt x="2973600" y="1486800"/>
                </a:cubicBezTo>
                <a:cubicBezTo>
                  <a:pt x="2973600" y="2307937"/>
                  <a:pt x="2307937" y="2973600"/>
                  <a:pt x="1486800" y="2973600"/>
                </a:cubicBezTo>
                <a:cubicBezTo>
                  <a:pt x="665663" y="2973600"/>
                  <a:pt x="0" y="2307937"/>
                  <a:pt x="0" y="1486800"/>
                </a:cubicBezTo>
                <a:cubicBezTo>
                  <a:pt x="0" y="665663"/>
                  <a:pt x="665663" y="0"/>
                  <a:pt x="1486800" y="0"/>
                </a:cubicBezTo>
                <a:close/>
              </a:path>
            </a:pathLst>
          </a:custGeom>
        </p:spPr>
        <p:txBody>
          <a:bodyPr wrap="square" bIns="504000" anchor="ctr">
            <a:noAutofit/>
          </a:bodyPr>
          <a:lstStyle>
            <a:lvl1pPr algn="ctr">
              <a:defRPr/>
            </a:lvl1pPr>
          </a:lstStyle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B81787D8-AACD-4182-9B1C-706B7FA5B2FE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4708800"/>
            <a:ext cx="2721600" cy="11052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Click to edit Master text styles</a:t>
            </a:r>
            <a:endParaRPr lang="en-US"/>
          </a:p>
          <a:p>
            <a:pPr lvl="1"/>
            <a:r>
              <a:rPr lang="en-US" noProof="0" dirty="0"/>
              <a:t>Second level</a:t>
            </a:r>
            <a:endParaRPr lang="en-US"/>
          </a:p>
          <a:p>
            <a:pPr lvl="2"/>
            <a:r>
              <a:rPr lang="en-US" noProof="0" dirty="0"/>
              <a:t>Third level</a:t>
            </a:r>
            <a:endParaRPr lang="en-US"/>
          </a:p>
          <a:p>
            <a:pPr lvl="3"/>
            <a:r>
              <a:rPr lang="en-US" noProof="0" dirty="0"/>
              <a:t>Fourth level</a:t>
            </a:r>
            <a:endParaRPr lang="en-US"/>
          </a:p>
          <a:p>
            <a:pPr lvl="4"/>
            <a:r>
              <a:rPr lang="en-US" noProof="0" dirty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02337EE-EDB6-43FF-843D-172081B7296F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598197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267796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3267796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204392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204392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91409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140989" y="3827463"/>
            <a:ext cx="27216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3A501F0-1B55-4808-B191-E00ECFEF3979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C9A43077-8463-4968-88C4-11AE5FC21D2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3875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1200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74847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774847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218494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18494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662141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662141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10105789" y="2552400"/>
            <a:ext cx="914400" cy="914400"/>
          </a:xfrm>
        </p:spPr>
        <p:txBody>
          <a:bodyPr lIns="0" tIns="0" rIns="0" bIns="0"/>
          <a:lstStyle>
            <a:lvl1pPr algn="ctr">
              <a:defRPr sz="8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10105789" y="3827462"/>
            <a:ext cx="1756800" cy="1685925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6B12C3D-BC2E-4B7A-B360-CE0523781F6B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E3342590-42A3-4E78-9950-B9D9986172B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830940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325037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808186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5136445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 dirty="0"/>
              <a:t>DATE OR OTHER INFORMATION – THIS LINE IS NOT OBLIGATORY</a:t>
            </a:r>
            <a:endParaRPr lang="en-US"/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C6A9BD41-B408-4DC1-BC41-874D8AA7AEFB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6595B980-413F-5C6F-BB48-10EAFC8D7E57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84E264FF-7C16-2557-3035-564CD53922D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631364556" name="Classification" descr="{&quot;templafy&quot;:{&quot;id&quot;:&quot;f3639d31-ceed-424e-b4d9-d965f03f85f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249967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763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4363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8725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6325" y="1929600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763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4363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8725" y="3829844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6325" y="3829844"/>
            <a:ext cx="2808000" cy="14148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FE7C1509-102B-44DC-8AA2-A8A1DB0A6DCC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664C5B26-A749-427A-8626-9ECBE088C9D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370226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in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34800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932400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96294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93894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457788" y="19296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9055388" y="19296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5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4800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932400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396294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4993894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Picture Placeholder 10">
            <a:extLst>
              <a:ext uri="{FF2B5EF4-FFF2-40B4-BE49-F238E27FC236}">
                <a16:creationId xmlns:a16="http://schemas.microsoft.com/office/drawing/2014/main" id="{D5F0F628-8A10-418E-9B30-5C02EB627E1C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8457788" y="32724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677AB433-7578-4A04-94CE-256E9DF81444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055388" y="32724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4C864FEE-0A1C-4897-8B82-F45359452B14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334800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BC895BB-D162-4E65-9A05-7277A36BC032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32400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9" name="Picture Placeholder 10">
            <a:extLst>
              <a:ext uri="{FF2B5EF4-FFF2-40B4-BE49-F238E27FC236}">
                <a16:creationId xmlns:a16="http://schemas.microsoft.com/office/drawing/2014/main" id="{1F21B681-AA7C-40DE-8FD3-7B067F1B9F82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4396294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D6CD389E-53C9-4827-B43F-AE5D96E283DD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4993894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6" name="Picture Placeholder 10">
            <a:extLst>
              <a:ext uri="{FF2B5EF4-FFF2-40B4-BE49-F238E27FC236}">
                <a16:creationId xmlns:a16="http://schemas.microsoft.com/office/drawing/2014/main" id="{1E8F4191-056B-4619-9288-972A95E4D9D1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8457788" y="46152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C6A43FA3-4FF5-4557-967D-6FB6ECC33571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9055388" y="4615200"/>
            <a:ext cx="2808000" cy="8604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A8D5F6D-18D1-4E80-97E0-F8A3F4836D54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37" name="Text Placeholder 9">
            <a:extLst>
              <a:ext uri="{FF2B5EF4-FFF2-40B4-BE49-F238E27FC236}">
                <a16:creationId xmlns:a16="http://schemas.microsoft.com/office/drawing/2014/main" id="{EAB8C8AA-5479-4E03-B260-4B35C2BB4F3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090983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: 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3" name="Content Placeholder 8">
            <a:extLst>
              <a:ext uri="{FF2B5EF4-FFF2-40B4-BE49-F238E27FC236}">
                <a16:creationId xmlns:a16="http://schemas.microsoft.com/office/drawing/2014/main" id="{17F53BD8-37C5-48ED-B4A6-D7482E31399E}"/>
              </a:ext>
            </a:extLst>
          </p:cNvPr>
          <p:cNvSpPr>
            <a:spLocks noGrp="1"/>
          </p:cNvSpPr>
          <p:nvPr>
            <p:ph sz="quarter" idx="23"/>
          </p:nvPr>
        </p:nvSpPr>
        <p:spPr>
          <a:xfrm>
            <a:off x="331199" y="1929600"/>
            <a:ext cx="3701051" cy="360000"/>
          </a:xfrm>
          <a:prstGeom prst="homePlate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Content Placeholder 8">
            <a:extLst>
              <a:ext uri="{FF2B5EF4-FFF2-40B4-BE49-F238E27FC236}">
                <a16:creationId xmlns:a16="http://schemas.microsoft.com/office/drawing/2014/main" id="{41D5ECEA-2E5E-4D71-841F-95A2A0D9779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4245975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7" name="Content Placeholder 8">
            <a:extLst>
              <a:ext uri="{FF2B5EF4-FFF2-40B4-BE49-F238E27FC236}">
                <a16:creationId xmlns:a16="http://schemas.microsoft.com/office/drawing/2014/main" id="{041C7270-2AD5-4174-9BB6-40887670ECE3}"/>
              </a:ext>
            </a:extLst>
          </p:cNvPr>
          <p:cNvSpPr>
            <a:spLocks noGrp="1"/>
          </p:cNvSpPr>
          <p:nvPr>
            <p:ph sz="quarter" idx="25"/>
          </p:nvPr>
        </p:nvSpPr>
        <p:spPr>
          <a:xfrm>
            <a:off x="8160749" y="1929600"/>
            <a:ext cx="3701051" cy="360000"/>
          </a:xfrm>
          <a:prstGeom prst="chevron">
            <a:avLst/>
          </a:prstGeom>
          <a:solidFill>
            <a:schemeClr val="bg2"/>
          </a:solidFill>
        </p:spPr>
        <p:txBody>
          <a:bodyPr lIns="0" tIns="0" rIns="0" bIns="0" anchor="ctr"/>
          <a:lstStyle>
            <a:lvl1pPr algn="ctr">
              <a:defRPr sz="14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2" name="Content Placeholder 8">
            <a:extLst>
              <a:ext uri="{FF2B5EF4-FFF2-40B4-BE49-F238E27FC236}">
                <a16:creationId xmlns:a16="http://schemas.microsoft.com/office/drawing/2014/main" id="{E6F51FA5-7813-4436-9E2D-0AA10EED3502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331200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3" name="Content Placeholder 8">
            <a:extLst>
              <a:ext uri="{FF2B5EF4-FFF2-40B4-BE49-F238E27FC236}">
                <a16:creationId xmlns:a16="http://schemas.microsoft.com/office/drawing/2014/main" id="{E6214208-AE04-4F1F-B879-DC21F5861A5B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45975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C5BC1243-5335-403B-A737-9CF168164EF1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160749" y="2401200"/>
            <a:ext cx="3701050" cy="3110400"/>
          </a:xfr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119626B5-1F46-41F6-BEF7-1D8C4DEA0344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C01AE2CA-8A5F-4992-AB7D-3C309899A5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31200" y="5634000"/>
            <a:ext cx="11530600" cy="540000"/>
          </a:xfrm>
          <a:solidFill>
            <a:schemeClr val="accent3"/>
          </a:solidFill>
        </p:spPr>
        <p:txBody>
          <a:bodyPr lIns="0" tIns="0" rIns="0" bIns="0" anchor="ctr"/>
          <a:lstStyle>
            <a:lvl1pPr marL="0" algn="ctr">
              <a:spcBef>
                <a:spcPts val="0"/>
              </a:spcBef>
              <a:defRPr b="1">
                <a:solidFill>
                  <a:schemeClr val="bg1"/>
                </a:solidFill>
              </a:defRPr>
            </a:lvl1pPr>
            <a:lvl2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2pPr>
            <a:lvl3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3pPr>
            <a:lvl4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4pPr>
            <a:lvl5pPr marL="0" indent="0" algn="ctr">
              <a:spcBef>
                <a:spcPts val="0"/>
              </a:spcBef>
              <a:buNone/>
              <a:defRPr b="1">
                <a:solidFill>
                  <a:schemeClr val="bg1"/>
                </a:solidFill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78648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907891A7-3AF7-4352-8C25-93B984B9D5F8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2066400"/>
              <a:gd name="connsiteY0" fmla="*/ 0 h 118800"/>
              <a:gd name="connsiteX1" fmla="*/ 2066400 w 2066400"/>
              <a:gd name="connsiteY1" fmla="*/ 0 h 118800"/>
              <a:gd name="connsiteX2" fmla="*/ 2066400 w 2066400"/>
              <a:gd name="connsiteY2" fmla="*/ 118800 h 118800"/>
              <a:gd name="connsiteX3" fmla="*/ 0 w 2066400"/>
              <a:gd name="connsiteY3" fmla="*/ 118800 h 118800"/>
              <a:gd name="connsiteX4" fmla="*/ 0 w 2066400"/>
              <a:gd name="connsiteY4" fmla="*/ 0 h 118800"/>
              <a:gd name="connsiteX0" fmla="*/ 2066400 w 2157840"/>
              <a:gd name="connsiteY0" fmla="*/ 118800 h 210240"/>
              <a:gd name="connsiteX1" fmla="*/ 0 w 2157840"/>
              <a:gd name="connsiteY1" fmla="*/ 118800 h 210240"/>
              <a:gd name="connsiteX2" fmla="*/ 0 w 2157840"/>
              <a:gd name="connsiteY2" fmla="*/ 0 h 210240"/>
              <a:gd name="connsiteX3" fmla="*/ 2066400 w 2157840"/>
              <a:gd name="connsiteY3" fmla="*/ 0 h 210240"/>
              <a:gd name="connsiteX4" fmla="*/ 2157840 w 2157840"/>
              <a:gd name="connsiteY4" fmla="*/ 210240 h 210240"/>
              <a:gd name="connsiteX0" fmla="*/ 2066400 w 2066400"/>
              <a:gd name="connsiteY0" fmla="*/ 118800 h 118800"/>
              <a:gd name="connsiteX1" fmla="*/ 0 w 2066400"/>
              <a:gd name="connsiteY1" fmla="*/ 118800 h 118800"/>
              <a:gd name="connsiteX2" fmla="*/ 0 w 2066400"/>
              <a:gd name="connsiteY2" fmla="*/ 0 h 118800"/>
              <a:gd name="connsiteX3" fmla="*/ 2066400 w 2066400"/>
              <a:gd name="connsiteY3" fmla="*/ 0 h 118800"/>
              <a:gd name="connsiteX0" fmla="*/ 0 w 2066400"/>
              <a:gd name="connsiteY0" fmla="*/ 118800 h 118800"/>
              <a:gd name="connsiteX1" fmla="*/ 0 w 2066400"/>
              <a:gd name="connsiteY1" fmla="*/ 0 h 118800"/>
              <a:gd name="connsiteX2" fmla="*/ 2066400 w 2066400"/>
              <a:gd name="connsiteY2" fmla="*/ 0 h 118800"/>
              <a:gd name="connsiteX0" fmla="*/ 0 w 2066400"/>
              <a:gd name="connsiteY0" fmla="*/ 0 h 0"/>
              <a:gd name="connsiteX1" fmla="*/ 2066400 w 20664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2066400">
                <a:moveTo>
                  <a:pt x="0" y="0"/>
                </a:moveTo>
                <a:lnTo>
                  <a:pt x="20664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1" name="Text Placeholder 11">
            <a:extLst>
              <a:ext uri="{FF2B5EF4-FFF2-40B4-BE49-F238E27FC236}">
                <a16:creationId xmlns:a16="http://schemas.microsoft.com/office/drawing/2014/main" id="{116A6796-F195-444B-8CAF-9408872890E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3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6A84518F-EB08-4F36-8400-95AB01D3810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2724447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C503EA10-D1F3-4AA4-8CED-AEE30E121F6D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5117694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DF438A3D-D3E1-4D5D-BA34-887EAEB9949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510941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3EDD5930-9373-4D21-B203-C97F69292A19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904189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4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 dirty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29600"/>
            <a:ext cx="1957975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72412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117483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10837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904189" y="1929600"/>
            <a:ext cx="1958400" cy="3099600"/>
          </a:xfrm>
        </p:spPr>
        <p:txBody>
          <a:bodyPr lIns="0" tIns="0" rIns="0" bIns="0" anchor="b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2724447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5117694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7510941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4189" y="5421600"/>
            <a:ext cx="1958400" cy="392400"/>
          </a:xfrm>
        </p:spPr>
        <p:txBody>
          <a:bodyPr lIns="0" tIns="0" rIns="0" bIns="0" anchor="t"/>
          <a:lstStyle>
            <a:lvl1pPr>
              <a:defRPr sz="14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34B7327F-B9B9-4FCD-9D42-CEC50A1073FB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4175311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seven text boxes &amp; heading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9AE4540D-5837-4887-82D2-ADB1E470A04C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1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6" name="Text Placeholder 11">
            <a:extLst>
              <a:ext uri="{FF2B5EF4-FFF2-40B4-BE49-F238E27FC236}">
                <a16:creationId xmlns:a16="http://schemas.microsoft.com/office/drawing/2014/main" id="{441512B5-B055-451B-A63A-61AC3D27A77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1980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1272552C-9A92-45B5-9658-E0A7758AE5F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36300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8" name="Text Placeholder 11">
            <a:extLst>
              <a:ext uri="{FF2B5EF4-FFF2-40B4-BE49-F238E27FC236}">
                <a16:creationId xmlns:a16="http://schemas.microsoft.com/office/drawing/2014/main" id="{B93E5512-D171-4A0F-A84D-1429CB1B240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52794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A19BB1C7-BB18-4D53-B7FD-0B43DE543E7B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9288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6189B57F-C66A-4C80-8E4E-09199BDEEA46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5782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9" name="Text Placeholder 11">
            <a:extLst>
              <a:ext uri="{FF2B5EF4-FFF2-40B4-BE49-F238E27FC236}">
                <a16:creationId xmlns:a16="http://schemas.microsoft.com/office/drawing/2014/main" id="{6FC8D2EC-39D1-4154-8306-67F231081AD5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10227600" y="5400000"/>
            <a:ext cx="1296000" cy="392400"/>
          </a:xfrm>
        </p:spPr>
        <p:txBody>
          <a:bodyPr lIns="0" tIns="0" rIns="0" bIns="0" anchor="t"/>
          <a:lstStyle>
            <a:lvl1pPr>
              <a:defRPr sz="1000" b="1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30" name="Text Placeholder 11">
            <a:extLst>
              <a:ext uri="{FF2B5EF4-FFF2-40B4-BE49-F238E27FC236}">
                <a16:creationId xmlns:a16="http://schemas.microsoft.com/office/drawing/2014/main" id="{A4C85EBA-3628-4B96-A145-783BC7DB501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 bwMode="gray">
          <a:xfrm>
            <a:off x="338400" y="5227200"/>
            <a:ext cx="11520000" cy="0"/>
          </a:xfrm>
          <a:custGeom>
            <a:avLst/>
            <a:gdLst>
              <a:gd name="connsiteX0" fmla="*/ 0 w 11520000"/>
              <a:gd name="connsiteY0" fmla="*/ 0 h 392400"/>
              <a:gd name="connsiteX1" fmla="*/ 11520000 w 11520000"/>
              <a:gd name="connsiteY1" fmla="*/ 0 h 392400"/>
              <a:gd name="connsiteX2" fmla="*/ 11520000 w 11520000"/>
              <a:gd name="connsiteY2" fmla="*/ 392400 h 392400"/>
              <a:gd name="connsiteX3" fmla="*/ 0 w 11520000"/>
              <a:gd name="connsiteY3" fmla="*/ 392400 h 392400"/>
              <a:gd name="connsiteX4" fmla="*/ 0 w 11520000"/>
              <a:gd name="connsiteY4" fmla="*/ 0 h 392400"/>
              <a:gd name="connsiteX0" fmla="*/ 11520000 w 11611440"/>
              <a:gd name="connsiteY0" fmla="*/ 392400 h 483840"/>
              <a:gd name="connsiteX1" fmla="*/ 0 w 11611440"/>
              <a:gd name="connsiteY1" fmla="*/ 392400 h 483840"/>
              <a:gd name="connsiteX2" fmla="*/ 0 w 11611440"/>
              <a:gd name="connsiteY2" fmla="*/ 0 h 483840"/>
              <a:gd name="connsiteX3" fmla="*/ 11520000 w 11611440"/>
              <a:gd name="connsiteY3" fmla="*/ 0 h 483840"/>
              <a:gd name="connsiteX4" fmla="*/ 11611440 w 11611440"/>
              <a:gd name="connsiteY4" fmla="*/ 483840 h 483840"/>
              <a:gd name="connsiteX0" fmla="*/ 11520000 w 11520000"/>
              <a:gd name="connsiteY0" fmla="*/ 392400 h 392400"/>
              <a:gd name="connsiteX1" fmla="*/ 0 w 11520000"/>
              <a:gd name="connsiteY1" fmla="*/ 392400 h 392400"/>
              <a:gd name="connsiteX2" fmla="*/ 0 w 11520000"/>
              <a:gd name="connsiteY2" fmla="*/ 0 h 392400"/>
              <a:gd name="connsiteX3" fmla="*/ 11520000 w 11520000"/>
              <a:gd name="connsiteY3" fmla="*/ 0 h 392400"/>
              <a:gd name="connsiteX0" fmla="*/ 0 w 11520000"/>
              <a:gd name="connsiteY0" fmla="*/ 392400 h 392400"/>
              <a:gd name="connsiteX1" fmla="*/ 0 w 11520000"/>
              <a:gd name="connsiteY1" fmla="*/ 0 h 392400"/>
              <a:gd name="connsiteX2" fmla="*/ 11520000 w 11520000"/>
              <a:gd name="connsiteY2" fmla="*/ 0 h 392400"/>
              <a:gd name="connsiteX0" fmla="*/ 0 w 11520000"/>
              <a:gd name="connsiteY0" fmla="*/ 0 h 0"/>
              <a:gd name="connsiteX1" fmla="*/ 11520000 w 11520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0">
                <a:moveTo>
                  <a:pt x="0" y="0"/>
                </a:moveTo>
                <a:lnTo>
                  <a:pt x="11520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1" name="Text Placeholder 11">
            <a:extLst>
              <a:ext uri="{FF2B5EF4-FFF2-40B4-BE49-F238E27FC236}">
                <a16:creationId xmlns:a16="http://schemas.microsoft.com/office/drawing/2014/main" id="{24B2DA46-341A-4D4F-9970-F7FCB405515D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334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2" name="Text Placeholder 11">
            <a:extLst>
              <a:ext uri="{FF2B5EF4-FFF2-40B4-BE49-F238E27FC236}">
                <a16:creationId xmlns:a16="http://schemas.microsoft.com/office/drawing/2014/main" id="{EED18986-BEAB-4E6C-81DE-64316E13BD03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1983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3" name="Text Placeholder 11">
            <a:extLst>
              <a:ext uri="{FF2B5EF4-FFF2-40B4-BE49-F238E27FC236}">
                <a16:creationId xmlns:a16="http://schemas.microsoft.com/office/drawing/2014/main" id="{DAF1745E-D93E-4B2F-BF38-5CD3330E0402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36324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429D6633-25A8-4FC0-B518-3616DF6C6530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2812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ACF9310C-4C08-4791-82FA-D88032731F32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69300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190FAD99-82FB-4521-87C2-193E1163DE9E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5788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70230B34-0C99-4086-AE59-3593C6921A24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0227600" y="51732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 anchor="t"/>
          <a:lstStyle>
            <a:lvl1pPr>
              <a:defRPr sz="1000" b="1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Edit Master text styles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3312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5AE7A1D2-DAC3-46BE-AA9A-E1EB0825207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980600" y="1916102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CF0CC0E-6E4F-4BBB-AC3B-74E8C126277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300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46DB502-496B-4374-80BE-F2A5D51992F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52794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4" name="Text Placeholder 11">
            <a:extLst>
              <a:ext uri="{FF2B5EF4-FFF2-40B4-BE49-F238E27FC236}">
                <a16:creationId xmlns:a16="http://schemas.microsoft.com/office/drawing/2014/main" id="{4B72E113-B74F-4C8D-B9C6-1799A1DAE158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9288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FE86579E-E5FB-4B48-A02E-380334B3B7D7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5782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8" name="Text Placeholder 11">
            <a:extLst>
              <a:ext uri="{FF2B5EF4-FFF2-40B4-BE49-F238E27FC236}">
                <a16:creationId xmlns:a16="http://schemas.microsoft.com/office/drawing/2014/main" id="{4FB5AF6E-663D-4AEE-B328-405A089F5CC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10227600" y="1929600"/>
            <a:ext cx="1296000" cy="3099600"/>
          </a:xfrm>
        </p:spPr>
        <p:txBody>
          <a:bodyPr lIns="0" tIns="0" rIns="0" bIns="0" anchor="b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CB798486-D620-4807-AC6D-3BD811E629F8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5357137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five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70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04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38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72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2" name="Text Placeholder 11">
            <a:extLst>
              <a:ext uri="{FF2B5EF4-FFF2-40B4-BE49-F238E27FC236}">
                <a16:creationId xmlns:a16="http://schemas.microsoft.com/office/drawing/2014/main" id="{5CE67186-CCF3-4DDD-89EF-CB4B536BBBF0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 bwMode="gray">
          <a:xfrm>
            <a:off x="594000" y="3258000"/>
            <a:ext cx="11264400" cy="0"/>
          </a:xfrm>
          <a:custGeom>
            <a:avLst/>
            <a:gdLst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3" fmla="*/ 0 w 7652632"/>
              <a:gd name="connsiteY3" fmla="*/ 174512 h 174512"/>
              <a:gd name="connsiteX4" fmla="*/ 0 w 7652632"/>
              <a:gd name="connsiteY4" fmla="*/ 0 h 174512"/>
              <a:gd name="connsiteX0" fmla="*/ 0 w 7652632"/>
              <a:gd name="connsiteY0" fmla="*/ 174512 h 265952"/>
              <a:gd name="connsiteX1" fmla="*/ 0 w 7652632"/>
              <a:gd name="connsiteY1" fmla="*/ 0 h 265952"/>
              <a:gd name="connsiteX2" fmla="*/ 7652632 w 7652632"/>
              <a:gd name="connsiteY2" fmla="*/ 0 h 265952"/>
              <a:gd name="connsiteX3" fmla="*/ 7652632 w 7652632"/>
              <a:gd name="connsiteY3" fmla="*/ 174512 h 265952"/>
              <a:gd name="connsiteX4" fmla="*/ 91440 w 7652632"/>
              <a:gd name="connsiteY4" fmla="*/ 265952 h 265952"/>
              <a:gd name="connsiteX0" fmla="*/ 0 w 7652632"/>
              <a:gd name="connsiteY0" fmla="*/ 174512 h 174512"/>
              <a:gd name="connsiteX1" fmla="*/ 0 w 7652632"/>
              <a:gd name="connsiteY1" fmla="*/ 0 h 174512"/>
              <a:gd name="connsiteX2" fmla="*/ 7652632 w 7652632"/>
              <a:gd name="connsiteY2" fmla="*/ 0 h 174512"/>
              <a:gd name="connsiteX3" fmla="*/ 7652632 w 7652632"/>
              <a:gd name="connsiteY3" fmla="*/ 174512 h 174512"/>
              <a:gd name="connsiteX0" fmla="*/ 0 w 7652632"/>
              <a:gd name="connsiteY0" fmla="*/ 0 h 174512"/>
              <a:gd name="connsiteX1" fmla="*/ 7652632 w 7652632"/>
              <a:gd name="connsiteY1" fmla="*/ 0 h 174512"/>
              <a:gd name="connsiteX2" fmla="*/ 7652632 w 7652632"/>
              <a:gd name="connsiteY2" fmla="*/ 174512 h 174512"/>
              <a:gd name="connsiteX0" fmla="*/ 0 w 7652632"/>
              <a:gd name="connsiteY0" fmla="*/ 0 h 0"/>
              <a:gd name="connsiteX1" fmla="*/ 7652632 w 7652632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7652632">
                <a:moveTo>
                  <a:pt x="0" y="0"/>
                </a:moveTo>
                <a:lnTo>
                  <a:pt x="7652632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</p:txBody>
      </p:sp>
      <p:sp>
        <p:nvSpPr>
          <p:cNvPr id="23" name="Text Placeholder 11">
            <a:extLst>
              <a:ext uri="{FF2B5EF4-FFF2-40B4-BE49-F238E27FC236}">
                <a16:creationId xmlns:a16="http://schemas.microsoft.com/office/drawing/2014/main" id="{976CC6DF-7551-4B6C-A618-D58E9805CE9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24" name="Text Placeholder 11">
            <a:extLst>
              <a:ext uri="{FF2B5EF4-FFF2-40B4-BE49-F238E27FC236}">
                <a16:creationId xmlns:a16="http://schemas.microsoft.com/office/drawing/2014/main" id="{55E7D41C-3046-4F7E-8B69-F4C83361509F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88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5" name="Text Placeholder 11">
            <a:extLst>
              <a:ext uri="{FF2B5EF4-FFF2-40B4-BE49-F238E27FC236}">
                <a16:creationId xmlns:a16="http://schemas.microsoft.com/office/drawing/2014/main" id="{DAC75856-6BC0-4D21-AF0C-407CC2A03047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522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6" name="Text Placeholder 11">
            <a:extLst>
              <a:ext uri="{FF2B5EF4-FFF2-40B4-BE49-F238E27FC236}">
                <a16:creationId xmlns:a16="http://schemas.microsoft.com/office/drawing/2014/main" id="{ECF624F4-7D6E-415F-B67F-32ED309EB60C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756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27" name="Text Placeholder 11">
            <a:extLst>
              <a:ext uri="{FF2B5EF4-FFF2-40B4-BE49-F238E27FC236}">
                <a16:creationId xmlns:a16="http://schemas.microsoft.com/office/drawing/2014/main" id="{EB82237B-1203-4191-BF1A-5B4068747CF6}"/>
              </a:ext>
            </a:extLst>
          </p:cNvPr>
          <p:cNvSpPr>
            <a:spLocks noGrp="1"/>
          </p:cNvSpPr>
          <p:nvPr>
            <p:ph type="body" sz="quarter" idx="31"/>
          </p:nvPr>
        </p:nvSpPr>
        <p:spPr>
          <a:xfrm>
            <a:off x="990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0A9E9979-248E-4746-8425-8D44D1E7963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288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D049D639-BFD2-4CC0-8424-B791511A500E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522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E52081B8-FFAB-490A-9295-579843631D2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56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19" name="Text Placeholder 11">
            <a:extLst>
              <a:ext uri="{FF2B5EF4-FFF2-40B4-BE49-F238E27FC236}">
                <a16:creationId xmlns:a16="http://schemas.microsoft.com/office/drawing/2014/main" id="{D300B7C1-8FE5-4B19-8D3E-BBDE06098E64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9903600" y="3420000"/>
            <a:ext cx="1756800" cy="2757600"/>
          </a:xfrm>
        </p:spPr>
        <p:txBody>
          <a:bodyPr lIns="0" tIns="0" rIns="0" bIns="0"/>
          <a:lstStyle>
            <a:lvl1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4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058D6B7A-9754-4804-8F5A-2118F4CADF5E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1089237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meline: eight icons &amp; text box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Text Placeholder 11">
            <a:extLst>
              <a:ext uri="{FF2B5EF4-FFF2-40B4-BE49-F238E27FC236}">
                <a16:creationId xmlns:a16="http://schemas.microsoft.com/office/drawing/2014/main" id="{9F115F95-ABE8-402C-A02F-266D5B211E49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 bwMode="gray">
          <a:xfrm>
            <a:off x="558000" y="3258000"/>
            <a:ext cx="11296800" cy="0"/>
          </a:xfrm>
          <a:custGeom>
            <a:avLst/>
            <a:gdLst>
              <a:gd name="connsiteX0" fmla="*/ 0 w 1152000"/>
              <a:gd name="connsiteY0" fmla="*/ 0 h 93031"/>
              <a:gd name="connsiteX1" fmla="*/ 1152000 w 1152000"/>
              <a:gd name="connsiteY1" fmla="*/ 0 h 93031"/>
              <a:gd name="connsiteX2" fmla="*/ 1152000 w 1152000"/>
              <a:gd name="connsiteY2" fmla="*/ 93031 h 93031"/>
              <a:gd name="connsiteX3" fmla="*/ 0 w 1152000"/>
              <a:gd name="connsiteY3" fmla="*/ 93031 h 93031"/>
              <a:gd name="connsiteX4" fmla="*/ 0 w 1152000"/>
              <a:gd name="connsiteY4" fmla="*/ 0 h 93031"/>
              <a:gd name="connsiteX0" fmla="*/ 1152000 w 1243440"/>
              <a:gd name="connsiteY0" fmla="*/ 93031 h 184471"/>
              <a:gd name="connsiteX1" fmla="*/ 0 w 1243440"/>
              <a:gd name="connsiteY1" fmla="*/ 93031 h 184471"/>
              <a:gd name="connsiteX2" fmla="*/ 0 w 1243440"/>
              <a:gd name="connsiteY2" fmla="*/ 0 h 184471"/>
              <a:gd name="connsiteX3" fmla="*/ 1152000 w 1243440"/>
              <a:gd name="connsiteY3" fmla="*/ 0 h 184471"/>
              <a:gd name="connsiteX4" fmla="*/ 1243440 w 1243440"/>
              <a:gd name="connsiteY4" fmla="*/ 184471 h 184471"/>
              <a:gd name="connsiteX0" fmla="*/ 1152000 w 1152000"/>
              <a:gd name="connsiteY0" fmla="*/ 93031 h 93031"/>
              <a:gd name="connsiteX1" fmla="*/ 0 w 1152000"/>
              <a:gd name="connsiteY1" fmla="*/ 93031 h 93031"/>
              <a:gd name="connsiteX2" fmla="*/ 0 w 1152000"/>
              <a:gd name="connsiteY2" fmla="*/ 0 h 93031"/>
              <a:gd name="connsiteX3" fmla="*/ 1152000 w 1152000"/>
              <a:gd name="connsiteY3" fmla="*/ 0 h 93031"/>
              <a:gd name="connsiteX0" fmla="*/ 0 w 1152000"/>
              <a:gd name="connsiteY0" fmla="*/ 93031 h 93031"/>
              <a:gd name="connsiteX1" fmla="*/ 0 w 1152000"/>
              <a:gd name="connsiteY1" fmla="*/ 0 h 93031"/>
              <a:gd name="connsiteX2" fmla="*/ 1152000 w 1152000"/>
              <a:gd name="connsiteY2" fmla="*/ 0 h 93031"/>
              <a:gd name="connsiteX0" fmla="*/ 0 w 1152000"/>
              <a:gd name="connsiteY0" fmla="*/ 0 h 0"/>
              <a:gd name="connsiteX1" fmla="*/ 1152000 w 1152000"/>
              <a:gd name="connsiteY1" fmla="*/ 0 h 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</a:cxnLst>
            <a:rect l="l" t="t" r="r" b="b"/>
            <a:pathLst>
              <a:path w="1152000">
                <a:moveTo>
                  <a:pt x="0" y="0"/>
                </a:moveTo>
                <a:lnTo>
                  <a:pt x="1152000" y="0"/>
                </a:lnTo>
              </a:path>
            </a:pathLst>
          </a:custGeom>
          <a:ln w="15875">
            <a:solidFill>
              <a:schemeClr val="accent4"/>
            </a:solidFill>
            <a:tailEnd type="arrow" w="med" len="sm"/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9BF765AB-40ED-47AF-8160-91C7A2FA6D0E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3672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7EED09D4-E380-4A7C-846A-59CC78C71D9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78971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00F97195-D372-415F-88C4-B0B8FB85624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212228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4E3EA7-307D-4F31-A26B-D859C8B762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4742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18" name="Picture Placeholder 10">
            <a:extLst>
              <a:ext uri="{FF2B5EF4-FFF2-40B4-BE49-F238E27FC236}">
                <a16:creationId xmlns:a16="http://schemas.microsoft.com/office/drawing/2014/main" id="{994AE89A-301F-4C26-92ED-B2EC1B81C77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057256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28" name="Picture Placeholder 10">
            <a:extLst>
              <a:ext uri="{FF2B5EF4-FFF2-40B4-BE49-F238E27FC236}">
                <a16:creationId xmlns:a16="http://schemas.microsoft.com/office/drawing/2014/main" id="{BE766B07-3708-4890-9255-CC2A2A5CECB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747977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0" name="Picture Placeholder 10">
            <a:extLst>
              <a:ext uri="{FF2B5EF4-FFF2-40B4-BE49-F238E27FC236}">
                <a16:creationId xmlns:a16="http://schemas.microsoft.com/office/drawing/2014/main" id="{65E2D852-BE36-42A3-A2B8-94EA0CA4EE6D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902284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2" name="Picture Placeholder 10">
            <a:extLst>
              <a:ext uri="{FF2B5EF4-FFF2-40B4-BE49-F238E27FC236}">
                <a16:creationId xmlns:a16="http://schemas.microsoft.com/office/drawing/2014/main" id="{47866753-9238-4EF3-9507-1A1A08058E9C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324800" y="2628000"/>
            <a:ext cx="457200" cy="457200"/>
          </a:xfrm>
        </p:spPr>
        <p:txBody>
          <a:bodyPr lIns="0" tIns="0" rIns="0" bIns="0"/>
          <a:lstStyle>
            <a:lvl1pPr algn="ctr">
              <a:defRPr sz="700" b="1"/>
            </a:lvl1pPr>
          </a:lstStyle>
          <a:p>
            <a:r>
              <a:rPr lang="en-US" noProof="0" dirty="0"/>
              <a:t>Please add icon</a:t>
            </a:r>
            <a:endParaRPr lang="en-US"/>
          </a:p>
        </p:txBody>
      </p:sp>
      <p:sp>
        <p:nvSpPr>
          <p:cNvPr id="35" name="Text Placeholder 11">
            <a:extLst>
              <a:ext uri="{FF2B5EF4-FFF2-40B4-BE49-F238E27FC236}">
                <a16:creationId xmlns:a16="http://schemas.microsoft.com/office/drawing/2014/main" id="{C6B1807F-9211-4322-A9DE-43E7460326F6}"/>
              </a:ext>
            </a:extLst>
          </p:cNvPr>
          <p:cNvSpPr>
            <a:spLocks noGrp="1"/>
          </p:cNvSpPr>
          <p:nvPr>
            <p:ph type="body" sz="quarter" idx="33"/>
          </p:nvPr>
        </p:nvSpPr>
        <p:spPr>
          <a:xfrm>
            <a:off x="5436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6" name="Text Placeholder 11">
            <a:extLst>
              <a:ext uri="{FF2B5EF4-FFF2-40B4-BE49-F238E27FC236}">
                <a16:creationId xmlns:a16="http://schemas.microsoft.com/office/drawing/2014/main" id="{713703C9-52F7-41B2-8F89-4F2E87FC5B78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196611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7" name="Text Placeholder 11">
            <a:extLst>
              <a:ext uri="{FF2B5EF4-FFF2-40B4-BE49-F238E27FC236}">
                <a16:creationId xmlns:a16="http://schemas.microsoft.com/office/drawing/2014/main" id="{CD7859A9-DEAC-44BA-90B2-C59341DD7AA5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3388628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8" name="Text Placeholder 11">
            <a:extLst>
              <a:ext uri="{FF2B5EF4-FFF2-40B4-BE49-F238E27FC236}">
                <a16:creationId xmlns:a16="http://schemas.microsoft.com/office/drawing/2014/main" id="{F2B89E32-E735-4545-BDE1-3CA3BEDF7DE6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4811142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39" name="Text Placeholder 11">
            <a:extLst>
              <a:ext uri="{FF2B5EF4-FFF2-40B4-BE49-F238E27FC236}">
                <a16:creationId xmlns:a16="http://schemas.microsoft.com/office/drawing/2014/main" id="{79DB9110-B5F8-423A-A697-8591E76C9EE4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6233656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0" name="Text Placeholder 11">
            <a:extLst>
              <a:ext uri="{FF2B5EF4-FFF2-40B4-BE49-F238E27FC236}">
                <a16:creationId xmlns:a16="http://schemas.microsoft.com/office/drawing/2014/main" id="{4A113945-5C37-4C98-9F22-2E8E222896F0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765617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1" name="Text Placeholder 11">
            <a:extLst>
              <a:ext uri="{FF2B5EF4-FFF2-40B4-BE49-F238E27FC236}">
                <a16:creationId xmlns:a16="http://schemas.microsoft.com/office/drawing/2014/main" id="{6CFB8023-5E64-4185-A3F2-D0F8FCB194A8}"/>
              </a:ext>
            </a:extLst>
          </p:cNvPr>
          <p:cNvSpPr>
            <a:spLocks noGrp="1"/>
          </p:cNvSpPr>
          <p:nvPr>
            <p:ph type="body" sz="quarter" idx="39"/>
          </p:nvPr>
        </p:nvSpPr>
        <p:spPr>
          <a:xfrm>
            <a:off x="9078684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/>
          </a:p>
        </p:txBody>
      </p:sp>
      <p:sp>
        <p:nvSpPr>
          <p:cNvPr id="42" name="Text Placeholder 11">
            <a:extLst>
              <a:ext uri="{FF2B5EF4-FFF2-40B4-BE49-F238E27FC236}">
                <a16:creationId xmlns:a16="http://schemas.microsoft.com/office/drawing/2014/main" id="{E41837A5-5A9E-4304-9788-7F565C602441}"/>
              </a:ext>
            </a:extLst>
          </p:cNvPr>
          <p:cNvSpPr>
            <a:spLocks noGrp="1"/>
          </p:cNvSpPr>
          <p:nvPr>
            <p:ph type="body" sz="quarter" idx="40"/>
          </p:nvPr>
        </p:nvSpPr>
        <p:spPr>
          <a:xfrm>
            <a:off x="10501200" y="3204000"/>
            <a:ext cx="108000" cy="108000"/>
          </a:xfrm>
          <a:prstGeom prst="ellipse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txBody>
          <a:bodyPr lIns="0" tIns="0" rIns="0" bIns="0"/>
          <a:lstStyle>
            <a:lvl1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>
              <a:defRPr sz="1000" b="0">
                <a:noFill/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8" name="Text Placeholder 11">
            <a:extLst>
              <a:ext uri="{FF2B5EF4-FFF2-40B4-BE49-F238E27FC236}">
                <a16:creationId xmlns:a16="http://schemas.microsoft.com/office/drawing/2014/main" id="{052090D4-EA65-4144-A397-14AB024F147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5436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1" name="Text Placeholder 11">
            <a:extLst>
              <a:ext uri="{FF2B5EF4-FFF2-40B4-BE49-F238E27FC236}">
                <a16:creationId xmlns:a16="http://schemas.microsoft.com/office/drawing/2014/main" id="{4D6AB49F-5CDC-4EA4-8AD2-A427B0E0BBA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196611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2" name="Text Placeholder 11">
            <a:extLst>
              <a:ext uri="{FF2B5EF4-FFF2-40B4-BE49-F238E27FC236}">
                <a16:creationId xmlns:a16="http://schemas.microsoft.com/office/drawing/2014/main" id="{F463238E-B23C-4F7A-B1CE-7F163AD95E4B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388628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3" name="Text Placeholder 11">
            <a:extLst>
              <a:ext uri="{FF2B5EF4-FFF2-40B4-BE49-F238E27FC236}">
                <a16:creationId xmlns:a16="http://schemas.microsoft.com/office/drawing/2014/main" id="{5DB448C2-2659-44FA-83F9-45594F8D9494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4811142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4" name="Text Placeholder 11">
            <a:extLst>
              <a:ext uri="{FF2B5EF4-FFF2-40B4-BE49-F238E27FC236}">
                <a16:creationId xmlns:a16="http://schemas.microsoft.com/office/drawing/2014/main" id="{0790F9F6-D5F4-45A2-A221-F081E5C91D0B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6233656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5" name="Text Placeholder 11">
            <a:extLst>
              <a:ext uri="{FF2B5EF4-FFF2-40B4-BE49-F238E27FC236}">
                <a16:creationId xmlns:a16="http://schemas.microsoft.com/office/drawing/2014/main" id="{D2ADD6FC-36B5-4CFB-851C-0D31F197AB4A}"/>
              </a:ext>
            </a:extLst>
          </p:cNvPr>
          <p:cNvSpPr>
            <a:spLocks noGrp="1"/>
          </p:cNvSpPr>
          <p:nvPr>
            <p:ph type="body" sz="quarter" idx="45"/>
          </p:nvPr>
        </p:nvSpPr>
        <p:spPr>
          <a:xfrm>
            <a:off x="765617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6" name="Text Placeholder 11">
            <a:extLst>
              <a:ext uri="{FF2B5EF4-FFF2-40B4-BE49-F238E27FC236}">
                <a16:creationId xmlns:a16="http://schemas.microsoft.com/office/drawing/2014/main" id="{021BC5A5-67A6-48CA-A81C-99793628929B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078684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57" name="Text Placeholder 11">
            <a:extLst>
              <a:ext uri="{FF2B5EF4-FFF2-40B4-BE49-F238E27FC236}">
                <a16:creationId xmlns:a16="http://schemas.microsoft.com/office/drawing/2014/main" id="{FB6B97BC-758E-4B5D-BE93-360237912AC9}"/>
              </a:ext>
            </a:extLst>
          </p:cNvPr>
          <p:cNvSpPr>
            <a:spLocks noGrp="1"/>
          </p:cNvSpPr>
          <p:nvPr>
            <p:ph type="body" sz="quarter" idx="47"/>
          </p:nvPr>
        </p:nvSpPr>
        <p:spPr>
          <a:xfrm>
            <a:off x="10501200" y="3420000"/>
            <a:ext cx="1152000" cy="2757600"/>
          </a:xfrm>
        </p:spPr>
        <p:txBody>
          <a:bodyPr lIns="0" tIns="0" rIns="0" bIns="0"/>
          <a:lstStyle>
            <a:lvl1pPr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  <a:lvl2pPr marL="108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2pPr>
            <a:lvl3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3pPr>
            <a:lvl4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4pPr>
            <a:lvl5pPr marL="216000" indent="-108000">
              <a:defRPr sz="1000" b="0">
                <a:latin typeface="+mn-lt"/>
                <a:ea typeface="ABBvoice Light" panose="020D0403020503020204" pitchFamily="34" charset="0"/>
                <a:cs typeface="ABBvoice Light" panose="020D040302050302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  <a:endParaRPr lang="en-US"/>
          </a:p>
          <a:p>
            <a:pPr lvl="1"/>
            <a:r>
              <a:rPr lang="en-US" noProof="0"/>
              <a:t>Second level</a:t>
            </a:r>
            <a:endParaRPr lang="en-US"/>
          </a:p>
          <a:p>
            <a:pPr lvl="2"/>
            <a:r>
              <a:rPr lang="en-US" noProof="0"/>
              <a:t>Third level</a:t>
            </a:r>
            <a:endParaRPr lang="en-US"/>
          </a:p>
          <a:p>
            <a:pPr lvl="3"/>
            <a:r>
              <a:rPr lang="en-US" noProof="0"/>
              <a:t>Fourth level</a:t>
            </a:r>
            <a:endParaRPr lang="en-US"/>
          </a:p>
          <a:p>
            <a:pPr lvl="4"/>
            <a:r>
              <a:rPr lang="en-US" noProof="0"/>
              <a:t>Fifth level</a:t>
            </a:r>
            <a:endParaRPr lang="en-US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70A194E1-1044-493D-918F-B69AC62FD765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124567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404372-55C2-4676-BE1B-7AB5862BEE2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691200"/>
            <a:ext cx="11530800" cy="367200"/>
          </a:xfrm>
        </p:spPr>
        <p:txBody>
          <a:bodyPr lIns="0" tIns="0" rIns="0" bIns="0"/>
          <a:lstStyle>
            <a:lvl1pPr>
              <a:defRPr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7" name="Text Placeholder 9">
            <a:extLst>
              <a:ext uri="{FF2B5EF4-FFF2-40B4-BE49-F238E27FC236}">
                <a16:creationId xmlns:a16="http://schemas.microsoft.com/office/drawing/2014/main" id="{191F879A-9D5C-4572-8E7C-BF630578085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9" y="1057498"/>
            <a:ext cx="11530800" cy="486000"/>
          </a:xfrm>
        </p:spPr>
        <p:txBody>
          <a:bodyPr lIns="0" tIns="0" rIns="0" bIns="0"/>
          <a:lstStyle>
            <a:lvl1pPr>
              <a:defRPr sz="24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720BA48-2EC3-4080-A97C-33DE1D74B9F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 lIns="0" tIns="0" rIns="0" bIns="0"/>
          <a:lstStyle/>
          <a:p>
            <a:endParaRPr lang="en-US" noProof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D672ED8-D8A6-4B60-9145-0B2F226FCF90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 lIns="0" tIns="0" rIns="0" bIns="0"/>
          <a:lstStyle/>
          <a:p>
            <a:fld id="{94A38730-8F41-4295-B8CF-123547F4AF8F}" type="datetime4">
              <a:rPr lang="en-US" noProof="0" smtClean="0"/>
              <a:t>April 7, 2025</a:t>
            </a:fld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89B7E41-ACE0-4535-9419-94A5884DC9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lIns="0" tIns="0" rIns="0" bIns="0"/>
          <a:lstStyle/>
          <a:p>
            <a:r>
              <a:rPr lang="en-US" noProof="0"/>
              <a:t>Slide </a:t>
            </a:r>
            <a:fld id="{619F89D8-7AE3-494A-97F3-03D680869632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769630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579257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Logo">
            <a:extLst>
              <a:ext uri="{FF2B5EF4-FFF2-40B4-BE49-F238E27FC236}">
                <a16:creationId xmlns:a16="http://schemas.microsoft.com/office/drawing/2014/main" id="{BD622A39-4236-4AD5-88CF-54333D308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49000" y="2793222"/>
            <a:ext cx="3294000" cy="12639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3416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4611600"/>
          </a:xfrm>
        </p:spPr>
        <p:txBody>
          <a:bodyPr lIns="0" tIns="0" rIns="0" bIns="0"/>
          <a:lstStyle/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D08DEBF-5D94-4EC5-9268-53E64944E5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513929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 noProof="0" dirty="0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1D0512A-9CA1-454B-B205-24CCE4C1BB6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622439"/>
            <a:ext cx="9787525" cy="4860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 dirty="0"/>
              <a:t>Click to add subtitle</a:t>
            </a:r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44186AE2-439F-4822-BDFB-97546FD2D79E}"/>
              </a:ext>
            </a:extLst>
          </p:cNvPr>
          <p:cNvSpPr txBox="1">
            <a:spLocks/>
          </p:cNvSpPr>
          <p:nvPr userDrawn="1"/>
        </p:nvSpPr>
        <p:spPr>
          <a:xfrm>
            <a:off x="331199" y="4900566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dirty="0"/>
              <a:t>—</a:t>
            </a:r>
            <a:endParaRPr lang="en-US"/>
          </a:p>
        </p:txBody>
      </p:sp>
      <p:sp>
        <p:nvSpPr>
          <p:cNvPr id="13" name="Date Placeholder 2" hidden="1">
            <a:extLst>
              <a:ext uri="{FF2B5EF4-FFF2-40B4-BE49-F238E27FC236}">
                <a16:creationId xmlns:a16="http://schemas.microsoft.com/office/drawing/2014/main" id="{86899F48-C911-4CD2-8537-1874E4E7FFE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1D6F7FAA-DD9E-4605-ADA9-64A74D15ED2D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16" name="Footer Placeholder 5" hidden="1">
            <a:extLst>
              <a:ext uri="{FF2B5EF4-FFF2-40B4-BE49-F238E27FC236}">
                <a16:creationId xmlns:a16="http://schemas.microsoft.com/office/drawing/2014/main" id="{7DCDF680-C48C-4D0A-9069-B2F60D63B78A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7" name="Slide Number Placeholder 6" hidden="1">
            <a:extLst>
              <a:ext uri="{FF2B5EF4-FFF2-40B4-BE49-F238E27FC236}">
                <a16:creationId xmlns:a16="http://schemas.microsoft.com/office/drawing/2014/main" id="{0266C1C2-4C9C-4B41-96AD-AEADB16E34D4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3" name="Logo">
            <a:extLst>
              <a:ext uri="{FF2B5EF4-FFF2-40B4-BE49-F238E27FC236}">
                <a16:creationId xmlns:a16="http://schemas.microsoft.com/office/drawing/2014/main" id="{6E96A828-2243-44DA-97DD-66BBAE00B7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1" name="Textbox for metadata">
            <a:extLst>
              <a:ext uri="{FF2B5EF4-FFF2-40B4-BE49-F238E27FC236}">
                <a16:creationId xmlns:a16="http://schemas.microsoft.com/office/drawing/2014/main" id="{E3F50A39-4A37-4A8F-8A6D-C4F1265DDE55}"/>
              </a:ext>
            </a:extLst>
          </p:cNvPr>
          <p:cNvSpPr txBox="1">
            <a:spLocks/>
          </p:cNvSpPr>
          <p:nvPr userDrawn="1"/>
        </p:nvSpPr>
        <p:spPr>
          <a:xfrm>
            <a:off x="331196" y="6506816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72C259B8-2007-488D-8494-693ADFA23A83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E14ED6E7-A503-94E7-7189-8682343C0CC9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199FB105-4978-F0FF-EAB3-A9357DD6E547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337983639" name="Classification" descr="{&quot;templafy&quot;:{&quot;id&quot;:&quot;927cb83d-42eb-49ff-8fb8-3df0c65c9c2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77674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6188" y="1336538"/>
            <a:ext cx="2772000" cy="49090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latin typeface="+mn-lt"/>
                <a:cs typeface="Arial" panose="020B06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 to view T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mplafy pane on right side of the screen, if it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s not already there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placeholder, click on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US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ictur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US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65739" y="1784704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065739" y="3869641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72496" y="1336538"/>
            <a:ext cx="2772000" cy="51920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HEADER &amp; FOOTER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31788" y="291401"/>
            <a:ext cx="1131728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en-US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944496" y="1959171"/>
            <a:ext cx="378293" cy="543366"/>
          </a:xfrm>
          <a:prstGeom prst="rect">
            <a:avLst/>
          </a:prstGeom>
        </p:spPr>
      </p:pic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18B4985-F782-412B-98D5-683B123484E3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065739" y="3152530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31788" y="1336538"/>
            <a:ext cx="2772000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rial" panose="020B06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US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US" sz="90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US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en-GB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US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US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</a:t>
            </a:r>
            <a:b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US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ir default settings</a:t>
            </a:r>
            <a:endParaRPr lang="en-US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055654" y="4701914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55654" y="38475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058352" y="5601211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055654" y="2342337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065739" y="2537285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285258" y="5867321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055654" y="3052205"/>
            <a:ext cx="257143" cy="2857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16110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4="http://schemas.microsoft.com/office/drawing/2010/main" xmlns:a16="http://schemas.microsoft.com/office/drawing/2014/main" xmlns="">
      <p:transition spd="med">
        <p:fade/>
      </p:transition>
    </mc:Fallback>
  </mc:AlternateConten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0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0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0" y="2578102"/>
            <a:ext cx="1121860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5000" b="1" i="0" noProof="0" dirty="0">
                <a:solidFill>
                  <a:schemeClr val="bg1"/>
                </a:solidFill>
              </a:rPr>
              <a:t>Do not use </a:t>
            </a:r>
            <a:endParaRPr lang="en-US" sz="15000" b="1" i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US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E3FB73-D64F-4CD2-B936-34C12883B35A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40166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9: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 bwMode="gray">
          <a:xfrm>
            <a:off x="332367" y="1931197"/>
            <a:ext cx="11520000" cy="3982245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3" name="Title 2"/>
          <p:cNvSpPr>
            <a:spLocks noGrp="1"/>
          </p:cNvSpPr>
          <p:nvPr>
            <p:ph type="title"/>
          </p:nvPr>
        </p:nvSpPr>
        <p:spPr bwMode="gray">
          <a:xfrm>
            <a:off x="333264" y="682313"/>
            <a:ext cx="11520000" cy="396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8"/>
          </p:nvPr>
        </p:nvSpPr>
        <p:spPr bwMode="gray"/>
        <p:txBody>
          <a:bodyPr/>
          <a:lstStyle/>
          <a:p>
            <a:fld id="{FFAB2352-921F-4DD8-A99A-A1474F6943FF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9"/>
          </p:nvPr>
        </p:nvSpPr>
        <p:spPr bwMode="gray"/>
        <p:txBody>
          <a:bodyPr/>
          <a:lstStyle/>
          <a:p>
            <a:pPr lvl="8"/>
            <a:endParaRPr lang="en-US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20"/>
          </p:nvPr>
        </p:nvSpPr>
        <p:spPr bwMode="gray"/>
        <p:txBody>
          <a:bodyPr/>
          <a:lstStyle/>
          <a:p>
            <a:r>
              <a:rPr lang="en-US" dirty="0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Subtitle 2"/>
          <p:cNvSpPr>
            <a:spLocks noGrp="1"/>
          </p:cNvSpPr>
          <p:nvPr>
            <p:ph type="subTitle" idx="13"/>
          </p:nvPr>
        </p:nvSpPr>
        <p:spPr bwMode="gray">
          <a:xfrm>
            <a:off x="333264" y="1085213"/>
            <a:ext cx="11520000" cy="504000"/>
          </a:xfrm>
        </p:spPr>
        <p:txBody>
          <a:bodyPr lIns="0" tIns="0" rIns="0" bIns="0"/>
          <a:lstStyle>
            <a:lvl1pPr marL="0" indent="0" algn="l">
              <a:buNone/>
              <a:defRPr sz="1800">
                <a:solidFill>
                  <a:schemeClr val="tx1"/>
                </a:solidFill>
              </a:defRPr>
            </a:lvl1pPr>
            <a:lvl2pPr marL="0" indent="0" algn="l">
              <a:buNone/>
              <a:defRPr sz="2000">
                <a:solidFill>
                  <a:schemeClr val="tx1"/>
                </a:solidFill>
              </a:defRPr>
            </a:lvl2pPr>
            <a:lvl3pPr marL="0" indent="0" algn="l">
              <a:buNone/>
              <a:defRPr sz="2000">
                <a:solidFill>
                  <a:schemeClr val="tx1"/>
                </a:solidFill>
              </a:defRPr>
            </a:lvl3pPr>
            <a:lvl4pPr marL="0" indent="0" algn="l">
              <a:buNone/>
              <a:defRPr sz="2000">
                <a:solidFill>
                  <a:schemeClr val="tx1"/>
                </a:solidFill>
              </a:defRPr>
            </a:lvl4pPr>
            <a:lvl5pPr marL="0" indent="0" algn="l">
              <a:buNone/>
              <a:defRPr sz="2000">
                <a:solidFill>
                  <a:schemeClr val="tx1"/>
                </a:solidFill>
              </a:defRPr>
            </a:lvl5pPr>
            <a:lvl6pPr marL="0" indent="0" algn="l">
              <a:buNone/>
              <a:defRPr sz="2000">
                <a:solidFill>
                  <a:schemeClr val="tx1"/>
                </a:solidFill>
              </a:defRPr>
            </a:lvl6pPr>
            <a:lvl7pPr marL="0" indent="0" algn="l">
              <a:buNone/>
              <a:defRPr sz="2000">
                <a:solidFill>
                  <a:schemeClr val="tx1"/>
                </a:solidFill>
              </a:defRPr>
            </a:lvl7pPr>
            <a:lvl8pPr marL="0" indent="0" algn="l">
              <a:buNone/>
              <a:defRPr sz="2000">
                <a:solidFill>
                  <a:schemeClr val="tx1"/>
                </a:solidFill>
              </a:defRPr>
            </a:lvl8pPr>
            <a:lvl9pPr marL="0" indent="0" algn="l">
              <a:buNone/>
              <a:defRPr sz="2000">
                <a:solidFill>
                  <a:schemeClr val="tx1"/>
                </a:solidFill>
              </a:defRPr>
            </a:lvl9pPr>
          </a:lstStyle>
          <a:p>
            <a:pPr lvl="0"/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11F858E6-EDCE-0D66-F45A-6DB15A4CE4A9}"/>
              </a:ext>
            </a:extLst>
          </p:cNvPr>
          <p:cNvSpPr/>
          <p:nvPr userDrawn="1"/>
        </p:nvSpPr>
        <p:spPr bwMode="gray">
          <a:xfrm>
            <a:off x="242214" y="426352"/>
            <a:ext cx="550971" cy="15833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DE" sz="2400" b="1" dirty="0">
                <a:solidFill>
                  <a:schemeClr val="bg2"/>
                </a:solidFill>
              </a:rPr>
              <a:t>—</a:t>
            </a:r>
            <a:endParaRPr lang="en-US" sz="2400" b="1" dirty="0" err="1">
              <a:solidFill>
                <a:schemeClr val="bg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523723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99D19C6-E807-43C7-BEAA-AD58FCBC34A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529791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2A363561-1FD5-460C-857B-7475A52266A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012939"/>
            <a:ext cx="9787525" cy="1164023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AB030A-2C35-47D8-BDF0-01351D32C76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4341199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9" name="Date Placeholder 2" hidden="1">
            <a:extLst>
              <a:ext uri="{FF2B5EF4-FFF2-40B4-BE49-F238E27FC236}">
                <a16:creationId xmlns:a16="http://schemas.microsoft.com/office/drawing/2014/main" id="{E2DA0BE3-FFDA-4368-915E-D6B90666C1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AB468AA7-2417-4EDD-9C40-B1F71A656BC8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25" name="Footer Placeholder 5" hidden="1">
            <a:extLst>
              <a:ext uri="{FF2B5EF4-FFF2-40B4-BE49-F238E27FC236}">
                <a16:creationId xmlns:a16="http://schemas.microsoft.com/office/drawing/2014/main" id="{6444F00E-4A33-4AB0-ADF2-E09C76137DC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6" name="Slide Number Placeholder 6" hidden="1">
            <a:extLst>
              <a:ext uri="{FF2B5EF4-FFF2-40B4-BE49-F238E27FC236}">
                <a16:creationId xmlns:a16="http://schemas.microsoft.com/office/drawing/2014/main" id="{5B12548E-CFBD-4687-86F5-26FBF185500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9C5F296E-6595-4C8C-8218-8E42105FE48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104354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noProof="0"/>
              <a:t>.</a:t>
            </a:r>
            <a:endParaRPr lang="en-US"/>
          </a:p>
        </p:txBody>
      </p:sp>
      <p:pic>
        <p:nvPicPr>
          <p:cNvPr id="27" name="Logo">
            <a:extLst>
              <a:ext uri="{FF2B5EF4-FFF2-40B4-BE49-F238E27FC236}">
                <a16:creationId xmlns:a16="http://schemas.microsoft.com/office/drawing/2014/main" id="{21F143E8-1C02-4AF6-AEC3-BBB4D74642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5" name="Textbox for metadata">
            <a:extLst>
              <a:ext uri="{FF2B5EF4-FFF2-40B4-BE49-F238E27FC236}">
                <a16:creationId xmlns:a16="http://schemas.microsoft.com/office/drawing/2014/main" id="{21AACC99-245C-4AB3-B925-3040F2FE3845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1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867EF0E0-86BF-44FA-AC2D-C951CA90505C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B6CA92E7-5573-4777-86BE-AA16C43E45A6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3FB0A454-F067-B785-E991-D0F17082F0AE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869350042" name="Classification" descr="{&quot;templafy&quot;:{&quot;id&quot;:&quot;a87f2908-e586-45fa-834c-ed001ff448e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45265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H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940B86E6-98C1-4FD2-B2DC-32985D385E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3430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5BED0FB7-B139-4781-9AEC-FDE16817721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4826149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7" name="Date Placeholder 2" hidden="1">
            <a:extLst>
              <a:ext uri="{FF2B5EF4-FFF2-40B4-BE49-F238E27FC236}">
                <a16:creationId xmlns:a16="http://schemas.microsoft.com/office/drawing/2014/main" id="{DEC93181-DC67-496C-BF38-9B85050BC846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4D124D52-1503-4931-ACF6-5F9324FA9DE6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23" name="Footer Placeholder 5" hidden="1">
            <a:extLst>
              <a:ext uri="{FF2B5EF4-FFF2-40B4-BE49-F238E27FC236}">
                <a16:creationId xmlns:a16="http://schemas.microsoft.com/office/drawing/2014/main" id="{F875FF11-4129-4354-85FE-EB3DCEEC1DB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24" name="Slide Number Placeholder 6" hidden="1">
            <a:extLst>
              <a:ext uri="{FF2B5EF4-FFF2-40B4-BE49-F238E27FC236}">
                <a16:creationId xmlns:a16="http://schemas.microsoft.com/office/drawing/2014/main" id="{B3D53CF0-1704-4F73-A324-D97E6ADADF9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6" name="Text Placeholder 29">
            <a:extLst>
              <a:ext uri="{FF2B5EF4-FFF2-40B4-BE49-F238E27FC236}">
                <a16:creationId xmlns:a16="http://schemas.microsoft.com/office/drawing/2014/main" id="{8E36617F-78CD-4DD5-BF39-0E1F6BBADD0A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331200" y="4103310"/>
            <a:ext cx="406800" cy="46800"/>
          </a:xfrm>
          <a:solidFill>
            <a:schemeClr val="bg2"/>
          </a:solidFill>
          <a:ln w="3175">
            <a:solidFill>
              <a:schemeClr val="bg2">
                <a:alpha val="0"/>
              </a:schemeClr>
            </a:solidFill>
          </a:ln>
        </p:spPr>
        <p:txBody>
          <a:bodyPr>
            <a:normAutofit/>
          </a:bodyPr>
          <a:lstStyle>
            <a:lvl1pPr>
              <a:defRPr sz="1000">
                <a:noFill/>
              </a:defRPr>
            </a:lvl1pPr>
            <a:lvl2pPr>
              <a:defRPr sz="1000"/>
            </a:lvl2pPr>
            <a:lvl3pPr>
              <a:defRPr sz="1000"/>
            </a:lvl3pPr>
            <a:lvl4pPr>
              <a:defRPr sz="1000"/>
            </a:lvl4pPr>
            <a:lvl5pPr>
              <a:defRPr sz="1000"/>
            </a:lvl5pPr>
          </a:lstStyle>
          <a:p>
            <a:pPr lvl="0"/>
            <a:r>
              <a:rPr lang="en-US" noProof="0"/>
              <a:t>.</a:t>
            </a:r>
            <a:endParaRPr lang="en-US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423ADEDC-A51B-4385-B340-F0AA2CEC299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1E386679-4E1E-4E5A-A6F1-BA141E6691DE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19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4496121-D0E1-4C2C-869C-41036E3F6F78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FEB43D01-22E7-6246-75B0-FA117BBEA256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63B8D508-714D-BCFA-F326-5D1DBEB1220D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1611108081" name="Classification" descr="{&quot;templafy&quot;:{&quot;id&quot;:&quot;f93e644f-9811-4404-ad33-27f751e62c9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459049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1D93B1FE-B926-469A-85A8-E00CA4FBFE95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0"/>
            <a:ext cx="12192000" cy="3614738"/>
          </a:xfrm>
        </p:spPr>
        <p:txBody>
          <a:bodyPr lIns="0" tIns="0" rIns="0" bIns="0"/>
          <a:lstStyle/>
          <a:p>
            <a:r>
              <a:rPr lang="en-US" noProof="0"/>
              <a:t>Click icon to add picture</a:t>
            </a:r>
            <a:endParaRPr lang="en-US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6DA95573-D6E2-4AE8-BC7C-9ED41474E1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1200" y="4528800"/>
            <a:ext cx="9787525" cy="486000"/>
          </a:xfrm>
        </p:spPr>
        <p:txBody>
          <a:bodyPr/>
          <a:lstStyle>
            <a:lvl1pPr>
              <a:defRPr sz="3200" b="1"/>
            </a:lvl1pPr>
          </a:lstStyle>
          <a:p>
            <a:r>
              <a:rPr lang="en-US" noProof="0"/>
              <a:t>Click to edit Master title style</a:t>
            </a:r>
            <a:endParaRPr lang="en-US"/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74B7DFE2-ECC3-43F8-84A5-7C854EDDC7D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200" y="5014800"/>
            <a:ext cx="9787525" cy="1162800"/>
          </a:xfrm>
        </p:spPr>
        <p:txBody>
          <a:bodyPr lIns="0"/>
          <a:lstStyle>
            <a:lvl1pPr>
              <a:defRPr sz="3200">
                <a:latin typeface="ABBvoice Light" panose="020D0403020503020204" pitchFamily="34" charset="0"/>
                <a:ea typeface="ABBvoice Light" panose="020D0403020503020204" pitchFamily="34" charset="0"/>
                <a:cs typeface="ABBvoice Light" panose="020D0403020503020204" pitchFamily="34" charset="0"/>
              </a:defRPr>
            </a:lvl1pPr>
          </a:lstStyle>
          <a:p>
            <a:pPr lvl="0"/>
            <a:r>
              <a:rPr lang="en-US" noProof="0"/>
              <a:t>Click to add subtitle</a:t>
            </a:r>
            <a:endParaRPr lang="en-US"/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17223CF7-4278-4148-85A7-A9569B5C54B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31200" y="4341600"/>
            <a:ext cx="9787525" cy="185926"/>
          </a:xfrm>
        </p:spPr>
        <p:txBody>
          <a:bodyPr lIns="0" anchor="t"/>
          <a:lstStyle>
            <a:lvl1pPr>
              <a:spcBef>
                <a:spcPts val="0"/>
              </a:spcBef>
              <a:defRPr sz="1200" cap="all" spc="200" baseline="0"/>
            </a:lvl1pPr>
          </a:lstStyle>
          <a:p>
            <a:pPr lvl="0"/>
            <a:r>
              <a:rPr lang="en-US" noProof="0"/>
              <a:t>DATE OR OTHER INFORMATION – THIS LINE IS NOT OBLIGATORY</a:t>
            </a:r>
            <a:endParaRPr lang="en-US"/>
          </a:p>
        </p:txBody>
      </p:sp>
      <p:sp>
        <p:nvSpPr>
          <p:cNvPr id="10" name="Text Placeholder 6">
            <a:extLst>
              <a:ext uri="{FF2B5EF4-FFF2-40B4-BE49-F238E27FC236}">
                <a16:creationId xmlns:a16="http://schemas.microsoft.com/office/drawing/2014/main" id="{8CF1CED0-A353-47EA-8ED6-DC423D2F5167}"/>
              </a:ext>
            </a:extLst>
          </p:cNvPr>
          <p:cNvSpPr txBox="1">
            <a:spLocks/>
          </p:cNvSpPr>
          <p:nvPr userDrawn="1"/>
        </p:nvSpPr>
        <p:spPr>
          <a:xfrm>
            <a:off x="331199" y="4104000"/>
            <a:ext cx="406799" cy="45719"/>
          </a:xfrm>
          <a:prstGeom prst="rect">
            <a:avLst/>
          </a:prstGeom>
        </p:spPr>
        <p:txBody>
          <a:bodyPr lIns="0" tIns="0" rIns="0" bIns="5400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200" noProof="0"/>
              <a:t>—</a:t>
            </a:r>
            <a:endParaRPr lang="en-US"/>
          </a:p>
        </p:txBody>
      </p:sp>
      <p:sp>
        <p:nvSpPr>
          <p:cNvPr id="14" name="Date Placeholder 2" hidden="1">
            <a:extLst>
              <a:ext uri="{FF2B5EF4-FFF2-40B4-BE49-F238E27FC236}">
                <a16:creationId xmlns:a16="http://schemas.microsoft.com/office/drawing/2014/main" id="{0A33B1B3-23BD-4E69-9630-079CFBD253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3F8196B3-DB73-4117-BE26-486FF35EB152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18" name="Footer Placeholder 5" hidden="1">
            <a:extLst>
              <a:ext uri="{FF2B5EF4-FFF2-40B4-BE49-F238E27FC236}">
                <a16:creationId xmlns:a16="http://schemas.microsoft.com/office/drawing/2014/main" id="{FF96FD6D-EB5B-42F4-A782-864EE898492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9" name="Slide Number Placeholder 6" hidden="1">
            <a:extLst>
              <a:ext uri="{FF2B5EF4-FFF2-40B4-BE49-F238E27FC236}">
                <a16:creationId xmlns:a16="http://schemas.microsoft.com/office/drawing/2014/main" id="{A5917654-E2E7-4F3B-9A54-AAD25568306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25" name="Logo">
            <a:extLst>
              <a:ext uri="{FF2B5EF4-FFF2-40B4-BE49-F238E27FC236}">
                <a16:creationId xmlns:a16="http://schemas.microsoft.com/office/drawing/2014/main" id="{ED4B13D8-2F10-407F-A41A-CB05B3D1994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979643" y="6159885"/>
            <a:ext cx="873621" cy="335227"/>
          </a:xfrm>
          <a:prstGeom prst="rect">
            <a:avLst/>
          </a:prstGeom>
        </p:spPr>
      </p:pic>
      <p:sp>
        <p:nvSpPr>
          <p:cNvPr id="33" name="Textbox for metadata">
            <a:extLst>
              <a:ext uri="{FF2B5EF4-FFF2-40B4-BE49-F238E27FC236}">
                <a16:creationId xmlns:a16="http://schemas.microsoft.com/office/drawing/2014/main" id="{99A66A49-8F92-4F89-AFD0-110E26BF2680}"/>
              </a:ext>
            </a:extLst>
          </p:cNvPr>
          <p:cNvSpPr txBox="1">
            <a:spLocks/>
          </p:cNvSpPr>
          <p:nvPr userDrawn="1"/>
        </p:nvSpPr>
        <p:spPr>
          <a:xfrm>
            <a:off x="331196" y="6548400"/>
            <a:ext cx="4680000" cy="118800"/>
          </a:xfrm>
          <a:prstGeom prst="rect">
            <a:avLst/>
          </a:prstGeom>
        </p:spPr>
        <p:txBody>
          <a:bodyPr lIns="0" tIns="0" rIns="0" bIns="0" anchor="t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23" name="Copyrigh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47C61707-0D77-48A5-9714-CB909585A68D}"/>
              </a:ext>
            </a:extLst>
          </p:cNvPr>
          <p:cNvSpPr txBox="1"/>
          <p:nvPr userDrawn="1"/>
        </p:nvSpPr>
        <p:spPr bwMode="gray">
          <a:xfrm>
            <a:off x="329522" y="6523200"/>
            <a:ext cx="1745341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lang="en-US"/>
          </a:p>
        </p:txBody>
      </p:sp>
      <p:sp>
        <p:nvSpPr>
          <p:cNvPr id="2" name="DocumentID" descr="{&#10; &quot;SkabelonDesign&quot;: {&#10; &quot;textualValue&quot;: &quot;&lt;key1/&gt;&quot;,&#10; &quot;bindingCollection&quot;: {&#10; &quot;key1&quot;: {&quot;SkabelonDesign&quot;:{&quot;type&quot;:&quot;Text&quot;,&quot;binding&quot;:&quot;PPMetadata&quot;}}&#10; }&#10; }&#10;}">
            <a:extLst>
              <a:ext uri="{FF2B5EF4-FFF2-40B4-BE49-F238E27FC236}">
                <a16:creationId xmlns:a16="http://schemas.microsoft.com/office/drawing/2014/main" id="{83B33A1C-88F9-7246-0708-2E0D0710FF83}"/>
              </a:ext>
            </a:extLst>
          </p:cNvPr>
          <p:cNvSpPr txBox="1"/>
          <p:nvPr userDrawn="1"/>
        </p:nvSpPr>
        <p:spPr bwMode="gray">
          <a:xfrm>
            <a:off x="2125496" y="6523200"/>
            <a:ext cx="1679368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ctr"/>
            <a:endParaRPr lang="en-US" sz="800" noProof="0">
              <a:solidFill>
                <a:schemeClr val="tx1"/>
              </a:solidFill>
            </a:endParaRPr>
          </a:p>
        </p:txBody>
      </p:sp>
      <p:sp>
        <p:nvSpPr>
          <p:cNvPr id="3" name="Revision" descr="{&#10; &quot;SkabelonDesign&quot;: {&#10; &quot;textualValue&quot;: &quot;&lt;key1/&gt;&quot;,&#10; &quot;bindingCollection&quot;: {&#10; &quot;key1&quot;: {&quot;SkabelonDesign&quot;:{&quot;type&quot;:&quot;Text&quot;,&quot;binding&quot;:&quot;DocumentRevisionIdLabelAndValue&quot;}}&#10; }&#10; }&#10;}">
            <a:extLst>
              <a:ext uri="{FF2B5EF4-FFF2-40B4-BE49-F238E27FC236}">
                <a16:creationId xmlns:a16="http://schemas.microsoft.com/office/drawing/2014/main" id="{9A179196-471B-BBE3-ABAB-8403E20C970D}"/>
              </a:ext>
            </a:extLst>
          </p:cNvPr>
          <p:cNvSpPr txBox="1"/>
          <p:nvPr userDrawn="1"/>
        </p:nvSpPr>
        <p:spPr bwMode="gray">
          <a:xfrm>
            <a:off x="4143600" y="6523200"/>
            <a:ext cx="7560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/>
            <a:endParaRPr lang="en-US" sz="800" noProof="0" dirty="0">
              <a:solidFill>
                <a:schemeClr val="tx1"/>
              </a:solidFill>
            </a:endParaRPr>
          </a:p>
        </p:txBody>
      </p:sp>
      <p:pic>
        <p:nvPicPr>
          <p:cNvPr id="79189111" name="Classification" descr="{&quot;templafy&quot;:{&quot;id&quot;:&quot;c8f5a572-17b5-4ed2-96cc-a8eca55be8a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1200" y="367200"/>
            <a:ext cx="1530000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7347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svg="http://schemas.microsoft.com/office/drawing/2016/SVG/main" xmlns:a16="http://schemas.microsoft.com/office/drawing/2014/main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image" Target="../media/image1.png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image" Target="../media/image2.sv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 bwMode="gray">
          <a:xfrm>
            <a:off x="331200" y="691200"/>
            <a:ext cx="11530600" cy="3636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Title</a:t>
            </a:r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 bwMode="gray">
          <a:xfrm>
            <a:off x="331200" y="6343200"/>
            <a:ext cx="9789113" cy="158400"/>
          </a:xfrm>
          <a:prstGeom prst="rect">
            <a:avLst/>
          </a:prstGeom>
          <a:noFill/>
        </p:spPr>
        <p:txBody>
          <a:bodyPr vert="horz" lIns="0" tIns="0" rIns="0" bIns="0" rtlCol="0" anchor="b" anchorCtr="0">
            <a:noAutofit/>
          </a:bodyPr>
          <a:lstStyle>
            <a:lvl1pPr algn="l" rtl="0">
              <a:defRPr sz="800">
                <a:solidFill>
                  <a:schemeClr val="tx1"/>
                </a:solidFill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 anchorCtr="0">
            <a:noAutofit/>
          </a:bodyPr>
          <a:lstStyle>
            <a:lvl1pPr algn="l">
              <a:defRPr sz="100" b="0" i="0" u="none" strike="noStrike">
                <a:solidFill>
                  <a:srgbClr val="000000">
                    <a:alpha val="0"/>
                  </a:srgbClr>
                </a:solidFill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fld id="{4A806A40-8146-4C46-A669-604AE817EB45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 bwMode="gray">
          <a:xfrm>
            <a:off x="331200" y="1929600"/>
            <a:ext cx="11530600" cy="4248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0" y="6858000"/>
            <a:ext cx="0" cy="0"/>
          </a:xfrm>
          <a:prstGeom prst="rect">
            <a:avLst/>
          </a:prstGeom>
          <a:effectLst/>
        </p:spPr>
        <p:txBody>
          <a:bodyPr vert="horz" wrap="square" lIns="0" tIns="0" rIns="0" bIns="0" rtlCol="0" anchor="ctr">
            <a:noAutofit/>
          </a:bodyPr>
          <a:lstStyle>
            <a:lvl1pPr algn="l">
              <a:defRPr sz="100" b="0" i="0" u="none" strike="noStrike">
                <a:noFill/>
                <a:latin typeface="ABBvoice" panose="020B0604020202020204"/>
              </a:defRPr>
            </a:lvl1pPr>
            <a:lvl2pPr marL="0" indent="0">
              <a:defRPr sz="1000">
                <a:solidFill>
                  <a:schemeClr val="accent3"/>
                </a:solidFill>
              </a:defRPr>
            </a:lvl2pPr>
            <a:lvl3pPr marL="0" indent="0">
              <a:defRPr sz="1000">
                <a:solidFill>
                  <a:schemeClr val="accent3"/>
                </a:solidFill>
              </a:defRPr>
            </a:lvl3pPr>
            <a:lvl4pPr marL="0" indent="0">
              <a:defRPr sz="1000">
                <a:solidFill>
                  <a:schemeClr val="accent3"/>
                </a:solidFill>
              </a:defRPr>
            </a:lvl4pPr>
            <a:lvl5pPr marL="0" indent="0">
              <a:defRPr sz="1000">
                <a:solidFill>
                  <a:schemeClr val="accent3"/>
                </a:solidFill>
              </a:defRPr>
            </a:lvl5pPr>
            <a:lvl6pPr marL="0" indent="0">
              <a:defRPr sz="1000">
                <a:solidFill>
                  <a:schemeClr val="accent3"/>
                </a:solidFill>
              </a:defRPr>
            </a:lvl6pPr>
            <a:lvl7pPr marL="0" indent="0">
              <a:defRPr sz="1000">
                <a:solidFill>
                  <a:schemeClr val="accent3"/>
                </a:solidFill>
              </a:defRPr>
            </a:lvl7pPr>
            <a:lvl8pPr marL="0" indent="0">
              <a:defRPr sz="1000">
                <a:solidFill>
                  <a:schemeClr val="accent3"/>
                </a:solidFill>
              </a:defRPr>
            </a:lvl8pPr>
            <a:lvl9pPr marL="0" indent="0">
              <a:defRPr sz="1000">
                <a:solidFill>
                  <a:schemeClr val="accent3"/>
                </a:solidFill>
              </a:defRPr>
            </a:lvl9pPr>
          </a:lstStyle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6C363F49-3D71-4D36-B18A-FB2AEFD673FB}"/>
              </a:ext>
            </a:extLst>
          </p:cNvPr>
          <p:cNvSpPr txBox="1">
            <a:spLocks/>
          </p:cNvSpPr>
          <p:nvPr userDrawn="1"/>
        </p:nvSpPr>
        <p:spPr>
          <a:xfrm>
            <a:off x="331200" y="514800"/>
            <a:ext cx="308080" cy="32400"/>
          </a:xfrm>
          <a:prstGeom prst="rect">
            <a:avLst/>
          </a:prstGeom>
        </p:spPr>
        <p:txBody>
          <a:bodyPr lIns="0" tIns="0" rIns="0" bIns="403200"/>
          <a:lstStyle>
            <a:lvl1pPr marL="0" indent="0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None/>
              <a:defRPr sz="2400" b="1" kern="1200">
                <a:solidFill>
                  <a:srgbClr val="FF0000"/>
                </a:solidFill>
                <a:latin typeface="+mn-lt"/>
                <a:ea typeface="+mn-ea"/>
                <a:cs typeface="+mn-cs"/>
              </a:defRPr>
            </a:lvl1pPr>
            <a:lvl2pPr marL="180018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0036" indent="-180018" algn="l" defTabSz="914491" rtl="0" eaLnBrk="1" latinLnBrk="0" hangingPunct="1">
              <a:spcBef>
                <a:spcPts val="600"/>
              </a:spcBef>
              <a:buFont typeface="ABBvoice" panose="020D0603020503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36" indent="-180018" algn="l" defTabSz="914491" rtl="0" eaLnBrk="1" latinLnBrk="0" hangingPunct="1">
              <a:spcBef>
                <a:spcPts val="600"/>
              </a:spcBef>
              <a:buFont typeface="ABBvoice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pic>
        <p:nvPicPr>
          <p:cNvPr id="11" name="LogoFooter">
            <a:extLst>
              <a:ext uri="{FF2B5EF4-FFF2-40B4-BE49-F238E27FC236}">
                <a16:creationId xmlns:a16="http://schemas.microsoft.com/office/drawing/2014/main" id="{BB08CBEA-8100-48CC-9FC4-8A66553571A5}"/>
              </a:ext>
            </a:extLst>
          </p:cNvPr>
          <p:cNvPicPr>
            <a:picLocks noChangeAspect="1"/>
          </p:cNvPicPr>
          <p:nvPr userDrawn="1"/>
        </p:nvPicPr>
        <p:blipFill>
          <a:blip r:embed="rId64">
            <a:extLst>
              <a:ext uri="{96DAC541-7B7A-43D3-8B79-37D633B846F1}">
                <asvg:svgBlip xmlns:asvg="http://schemas.microsoft.com/office/drawing/2016/SVG/main" r:embed="rId65"/>
              </a:ext>
            </a:extLst>
          </a:blip>
          <a:stretch>
            <a:fillRect/>
          </a:stretch>
        </p:blipFill>
        <p:spPr>
          <a:xfrm>
            <a:off x="11354200" y="6456066"/>
            <a:ext cx="507600" cy="192272"/>
          </a:xfrm>
          <a:prstGeom prst="rect">
            <a:avLst/>
          </a:prstGeom>
        </p:spPr>
      </p:pic>
      <p:sp>
        <p:nvSpPr>
          <p:cNvPr id="14" name="CopyrightText" descr="{&#10; &quot;SkabelonDesign&quot;: {&#10; &quot;textualValue&quot;: &quot;&lt;s&gt;&lt;![CDATA[© ]]&gt;&lt;/s&gt;&lt;key1/&gt;&lt;s&gt;&lt;![CDATA[ ]]&gt;&lt;/s&gt;&lt;key2/&gt;&lt;s&gt;&lt;![CDATA[. All rights reserved.]]&gt;&lt;/s&gt;&quot;,&#10; &quot;bindingCollection&quot;: {&#10; &quot;key1&quot;: {&quot;SkabelonDesign&quot;:{&quot;type&quot;:&quot;Date&quot;,&quot;ignoreBlank&quot;:&quot;true&quot;,&quot;binding&quot;:&quot;Doc.DateTime.Today&quot;,&quot;format&quot;:&quot;yyyy&quot;}},&#10; &quot;key2&quot;: {&quot;SkabelonDesign&quot;:{&quot;type&quot;:&quot;Text&quot;,&quot;ignoreBlank&quot;:&quot;true&quot;,&quot;binding&quot;:&quot;Doc.Prop.BrandName&quot;}}&#10; }&#10; }&#10;}&#10;">
            <a:extLst>
              <a:ext uri="{FF2B5EF4-FFF2-40B4-BE49-F238E27FC236}">
                <a16:creationId xmlns:a16="http://schemas.microsoft.com/office/drawing/2014/main" id="{D1FCD200-65D5-439C-AECC-B22E31B69313}"/>
              </a:ext>
            </a:extLst>
          </p:cNvPr>
          <p:cNvSpPr txBox="1"/>
          <p:nvPr userDrawn="1"/>
        </p:nvSpPr>
        <p:spPr bwMode="gray">
          <a:xfrm>
            <a:off x="331200" y="6522896"/>
            <a:ext cx="1533600" cy="169200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0" i="0" u="none" strike="noStrike" kern="1200" cap="none" spc="-1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 2025 ABB. All rights reserved.</a:t>
            </a:r>
            <a:endParaRPr kumimoji="0" lang="en-US" sz="800" b="0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dynamic" descr="{&quot;templafy&quot;:{&quot;id&quot;:&quot;e50060ec-cb7a-4a6f-80c3-0fc546c624c0&quot;}}">
            <a:extLst>
              <a:ext uri="{FF2B5EF4-FFF2-40B4-BE49-F238E27FC236}">
                <a16:creationId xmlns:a16="http://schemas.microsoft.com/office/drawing/2014/main" id="{96E06C7F-9F82-898A-6F4F-CAF6B7DED755}"/>
              </a:ext>
            </a:extLst>
          </p:cNvPr>
          <p:cNvSpPr/>
          <p:nvPr userDrawn="1"/>
        </p:nvSpPr>
        <p:spPr bwMode="gray">
          <a:xfrm>
            <a:off x="2934000" y="6548400"/>
            <a:ext cx="1296000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endParaRPr lang="en-US" sz="800" dirty="0">
              <a:solidFill>
                <a:schemeClr val="tx1"/>
              </a:solidFill>
            </a:endParaRP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C702C89-CFA4-6C8F-96AF-900A18CAC7E2}"/>
              </a:ext>
            </a:extLst>
          </p:cNvPr>
          <p:cNvSpPr/>
          <p:nvPr userDrawn="1"/>
        </p:nvSpPr>
        <p:spPr bwMode="gray">
          <a:xfrm>
            <a:off x="2181600" y="6548400"/>
            <a:ext cx="644513" cy="118800"/>
          </a:xfrm>
          <a:prstGeom prst="rect">
            <a:avLst/>
          </a:prstGeom>
          <a:noFill/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>
              <a:spcBef>
                <a:spcPts val="600"/>
              </a:spcBef>
            </a:pPr>
            <a:r>
              <a:rPr lang="en-US" sz="800" dirty="0">
                <a:solidFill>
                  <a:schemeClr val="tx1"/>
                </a:solidFill>
              </a:rPr>
              <a:t>Slide </a:t>
            </a:r>
            <a:fld id="{6ACD6C49-4324-4266-B7DB-7E26C75ACED4}" type="slidenum">
              <a:rPr lang="en-US" sz="800" smtClean="0">
                <a:solidFill>
                  <a:schemeClr val="tx1"/>
                </a:solidFill>
              </a:rPr>
              <a:t>‹#›</a:t>
            </a:fld>
            <a:endParaRPr lang="en-US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424016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00" r:id="rId2"/>
    <p:sldLayoutId id="2147483696" r:id="rId3"/>
    <p:sldLayoutId id="2147483703" r:id="rId4"/>
    <p:sldLayoutId id="2147483697" r:id="rId5"/>
    <p:sldLayoutId id="2147483704" r:id="rId6"/>
    <p:sldLayoutId id="2147483711" r:id="rId7"/>
    <p:sldLayoutId id="2147483712" r:id="rId8"/>
    <p:sldLayoutId id="2147483713" r:id="rId9"/>
    <p:sldLayoutId id="2147483714" r:id="rId10"/>
    <p:sldLayoutId id="2147483651" r:id="rId11"/>
    <p:sldLayoutId id="2147483652" r:id="rId12"/>
    <p:sldLayoutId id="2147483654" r:id="rId13"/>
    <p:sldLayoutId id="2147483698" r:id="rId14"/>
    <p:sldLayoutId id="2147483655" r:id="rId15"/>
    <p:sldLayoutId id="2147483705" r:id="rId16"/>
    <p:sldLayoutId id="2147483656" r:id="rId17"/>
    <p:sldLayoutId id="2147483706" r:id="rId18"/>
    <p:sldLayoutId id="2147483657" r:id="rId19"/>
    <p:sldLayoutId id="2147483707" r:id="rId20"/>
    <p:sldLayoutId id="2147483658" r:id="rId21"/>
    <p:sldLayoutId id="2147483708" r:id="rId22"/>
    <p:sldLayoutId id="2147483661" r:id="rId23"/>
    <p:sldLayoutId id="2147483662" r:id="rId24"/>
    <p:sldLayoutId id="2147483659" r:id="rId25"/>
    <p:sldLayoutId id="2147483660" r:id="rId26"/>
    <p:sldLayoutId id="2147483663" r:id="rId27"/>
    <p:sldLayoutId id="2147483664" r:id="rId28"/>
    <p:sldLayoutId id="2147483665" r:id="rId29"/>
    <p:sldLayoutId id="2147483666" r:id="rId30"/>
    <p:sldLayoutId id="2147483668" r:id="rId31"/>
    <p:sldLayoutId id="2147483670" r:id="rId32"/>
    <p:sldLayoutId id="2147483671" r:id="rId33"/>
    <p:sldLayoutId id="2147483669" r:id="rId34"/>
    <p:sldLayoutId id="2147483672" r:id="rId35"/>
    <p:sldLayoutId id="2147483673" r:id="rId36"/>
    <p:sldLayoutId id="2147483694" r:id="rId37"/>
    <p:sldLayoutId id="2147483674" r:id="rId38"/>
    <p:sldLayoutId id="2147483675" r:id="rId39"/>
    <p:sldLayoutId id="2147483676" r:id="rId40"/>
    <p:sldLayoutId id="2147483677" r:id="rId41"/>
    <p:sldLayoutId id="2147483678" r:id="rId42"/>
    <p:sldLayoutId id="2147483679" r:id="rId43"/>
    <p:sldLayoutId id="2147483680" r:id="rId44"/>
    <p:sldLayoutId id="2147483695" r:id="rId45"/>
    <p:sldLayoutId id="2147483682" r:id="rId46"/>
    <p:sldLayoutId id="2147483683" r:id="rId47"/>
    <p:sldLayoutId id="2147483684" r:id="rId48"/>
    <p:sldLayoutId id="2147483685" r:id="rId49"/>
    <p:sldLayoutId id="2147483686" r:id="rId50"/>
    <p:sldLayoutId id="2147483687" r:id="rId51"/>
    <p:sldLayoutId id="2147483667" r:id="rId52"/>
    <p:sldLayoutId id="2147483688" r:id="rId53"/>
    <p:sldLayoutId id="2147483689" r:id="rId54"/>
    <p:sldLayoutId id="2147483690" r:id="rId55"/>
    <p:sldLayoutId id="2147483691" r:id="rId56"/>
    <p:sldLayoutId id="2147483692" r:id="rId57"/>
    <p:sldLayoutId id="2147483699" r:id="rId58"/>
    <p:sldLayoutId id="2147483693" r:id="rId59"/>
    <p:sldLayoutId id="2147483709" r:id="rId60"/>
    <p:sldLayoutId id="2147483710" r:id="rId61"/>
    <p:sldLayoutId id="2147483715" r:id="rId62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="http://schemas.microsoft.com/office/powerpoint/2012/main" xmlns:asvg="http://schemas.microsoft.com/office/drawing/2016/SVG/main" xmlns:a16="http://schemas.microsoft.com/office/drawing/2014/main" xmlns="">
      <p:transition spd="med">
        <p:fade/>
      </p:transition>
    </mc:Fallback>
  </mc:AlternateContent>
  <p:hf hdr="0"/>
  <p:txStyles>
    <p:titleStyle>
      <a:lvl1pPr algn="l" defTabSz="914491" rtl="0" eaLnBrk="1" latinLnBrk="0" hangingPunct="1">
        <a:spcBef>
          <a:spcPct val="0"/>
        </a:spcBef>
        <a:buNone/>
        <a:defRPr sz="24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91" rtl="0" eaLnBrk="1" latinLnBrk="0" hangingPunct="1">
        <a:spcBef>
          <a:spcPts val="600"/>
        </a:spcBef>
        <a:buFont typeface="ABBvoice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2844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568800" indent="-284400" algn="l" defTabSz="914491" rtl="0" eaLnBrk="1" latinLnBrk="0" hangingPunct="1">
        <a:spcBef>
          <a:spcPts val="600"/>
        </a:spcBef>
        <a:buFont typeface="ABBvoice" panose="020D0603020503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360036" indent="-180018" algn="l" defTabSz="914491" rtl="0" eaLnBrk="1" latinLnBrk="0" hangingPunct="1">
        <a:spcBef>
          <a:spcPts val="600"/>
        </a:spcBef>
        <a:buFont typeface="ABBvoice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91" rtl="0" eaLnBrk="1" latinLnBrk="0" hangingPunct="1"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4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91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737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983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229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474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720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966" algn="l" defTabSz="914491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214" userDrawn="1">
          <p15:clr>
            <a:srgbClr val="F26B43"/>
          </p15:clr>
        </p15:guide>
        <p15:guide id="2" pos="7473" userDrawn="1">
          <p15:clr>
            <a:srgbClr val="F26B43"/>
          </p15:clr>
        </p15:guide>
        <p15:guide id="3" pos="209" userDrawn="1">
          <p15:clr>
            <a:srgbClr val="F26B43"/>
          </p15:clr>
        </p15:guide>
        <p15:guide id="4" orient="horz" pos="3891" userDrawn="1">
          <p15:clr>
            <a:srgbClr val="F26B43"/>
          </p15:clr>
        </p15:guide>
        <p15:guide id="5" pos="690" userDrawn="1">
          <p15:clr>
            <a:srgbClr val="F26B43"/>
          </p15:clr>
        </p15:guide>
        <p15:guide id="7" pos="825" userDrawn="1">
          <p15:clr>
            <a:srgbClr val="F26B43"/>
          </p15:clr>
        </p15:guide>
        <p15:guide id="8" pos="1307" userDrawn="1">
          <p15:clr>
            <a:srgbClr val="F26B43"/>
          </p15:clr>
        </p15:guide>
        <p15:guide id="9" pos="1442" userDrawn="1">
          <p15:clr>
            <a:srgbClr val="F26B43"/>
          </p15:clr>
        </p15:guide>
        <p15:guide id="10" pos="1923" userDrawn="1">
          <p15:clr>
            <a:srgbClr val="F26B43"/>
          </p15:clr>
        </p15:guide>
        <p15:guide id="11" pos="2058" userDrawn="1">
          <p15:clr>
            <a:srgbClr val="F26B43"/>
          </p15:clr>
        </p15:guide>
        <p15:guide id="12" pos="2540" userDrawn="1">
          <p15:clr>
            <a:srgbClr val="F26B43"/>
          </p15:clr>
        </p15:guide>
        <p15:guide id="13" pos="2675" userDrawn="1">
          <p15:clr>
            <a:srgbClr val="F26B43"/>
          </p15:clr>
        </p15:guide>
        <p15:guide id="14" pos="3156" userDrawn="1">
          <p15:clr>
            <a:srgbClr val="F26B43"/>
          </p15:clr>
        </p15:guide>
        <p15:guide id="15" pos="3293" userDrawn="1">
          <p15:clr>
            <a:srgbClr val="F26B43"/>
          </p15:clr>
        </p15:guide>
        <p15:guide id="16" pos="3773" userDrawn="1">
          <p15:clr>
            <a:srgbClr val="F26B43"/>
          </p15:clr>
        </p15:guide>
        <p15:guide id="17" pos="3909" userDrawn="1">
          <p15:clr>
            <a:srgbClr val="F26B43"/>
          </p15:clr>
        </p15:guide>
        <p15:guide id="18" pos="4389" userDrawn="1">
          <p15:clr>
            <a:srgbClr val="F26B43"/>
          </p15:clr>
        </p15:guide>
        <p15:guide id="19" pos="4526" userDrawn="1">
          <p15:clr>
            <a:srgbClr val="F26B43"/>
          </p15:clr>
        </p15:guide>
        <p15:guide id="20" pos="5006" userDrawn="1">
          <p15:clr>
            <a:srgbClr val="F26B43"/>
          </p15:clr>
        </p15:guide>
        <p15:guide id="21" pos="5142" userDrawn="1">
          <p15:clr>
            <a:srgbClr val="F26B43"/>
          </p15:clr>
        </p15:guide>
        <p15:guide id="22" pos="5622" userDrawn="1">
          <p15:clr>
            <a:srgbClr val="F26B43"/>
          </p15:clr>
        </p15:guide>
        <p15:guide id="23" pos="5759" userDrawn="1">
          <p15:clr>
            <a:srgbClr val="F26B43"/>
          </p15:clr>
        </p15:guide>
        <p15:guide id="24" pos="6239" userDrawn="1">
          <p15:clr>
            <a:srgbClr val="F26B43"/>
          </p15:clr>
        </p15:guide>
        <p15:guide id="25" pos="6375" userDrawn="1">
          <p15:clr>
            <a:srgbClr val="F26B43"/>
          </p15:clr>
        </p15:guide>
        <p15:guide id="26" pos="6857" userDrawn="1">
          <p15:clr>
            <a:srgbClr val="F26B43"/>
          </p15:clr>
        </p15:guide>
        <p15:guide id="27" pos="6992" userDrawn="1">
          <p15:clr>
            <a:srgbClr val="F26B43"/>
          </p15:clr>
        </p15:guide>
        <p15:guide id="28" orient="horz" pos="3473" userDrawn="1">
          <p15:clr>
            <a:srgbClr val="5ACBF0"/>
          </p15:clr>
        </p15:guide>
        <p15:guide id="29" orient="horz" pos="2411" userDrawn="1">
          <p15:clr>
            <a:srgbClr val="5ACBF0"/>
          </p15:clr>
        </p15:guide>
        <p15:guide id="30" orient="horz" pos="2277" userDrawn="1">
          <p15:clr>
            <a:srgbClr val="5ACBF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9.jp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6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6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6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9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F735C43-164B-4B11-A679-24E66B171A2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Your Company Nam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25EC53D2-A58C-4DF7-B808-BDA96C4A341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1200" y="5808186"/>
            <a:ext cx="10483104" cy="486000"/>
          </a:xfrm>
        </p:spPr>
        <p:txBody>
          <a:bodyPr/>
          <a:lstStyle/>
          <a:p>
            <a:r>
              <a:rPr lang="en-US" dirty="0"/>
              <a:t>Advancing smart drive technology with AI innovation</a:t>
            </a:r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5A999ABD-4182-4EAA-9866-43919EEDFE8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23"/>
          </p:nvPr>
        </p:nvSpPr>
        <p:spPr/>
        <p:txBody>
          <a:bodyPr/>
          <a:lstStyle/>
          <a:p>
            <a:fld id="{22CA9B3B-16D5-4344-BB51-16723E796544}" type="datetime4">
              <a:rPr lang="en-US" smtClean="0"/>
              <a:t>April 7, 2025</a:t>
            </a:fld>
            <a:endParaRPr lang="en-US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069C5505-4342-4832-B0E2-4EFF848EB0D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8D7E77EC-3704-4BAF-B996-4583B857441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25"/>
          </p:nvPr>
        </p:nvSpPr>
        <p:spPr/>
        <p:txBody>
          <a:bodyPr/>
          <a:lstStyle/>
          <a:p>
            <a:r>
              <a:rPr lang="en-US"/>
              <a:t>Slide </a:t>
            </a:r>
            <a:fld id="{619F89D8-7AE3-494A-97F3-03D680869632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0AF88F5A-3871-B4FF-4AA5-1991C99C32EB}"/>
              </a:ext>
            </a:extLst>
          </p:cNvPr>
          <p:cNvSpPr txBox="1"/>
          <p:nvPr/>
        </p:nvSpPr>
        <p:spPr bwMode="gray">
          <a:xfrm>
            <a:off x="3049732" y="3244334"/>
            <a:ext cx="609946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 fontAlgn="base"/>
            <a:r>
              <a:rPr lang="en-GB" b="1" i="0" dirty="0">
                <a:solidFill>
                  <a:srgbClr val="000000"/>
                </a:solidFill>
                <a:effectLst/>
                <a:latin typeface="wfont_cdbb40_0084ebea31424bde8cbeea0df90640b5"/>
              </a:rPr>
              <a:t>Advancing smart drive technology with AI innovation</a:t>
            </a:r>
            <a:endParaRPr lang="en-GB" b="1" i="0" dirty="0">
              <a:solidFill>
                <a:srgbClr val="000000"/>
              </a:solidFill>
              <a:effectLst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6884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E4D1893-7CAE-44F9-8318-D62393636D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1. 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General information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about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y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ompany</a:t>
            </a:r>
            <a:endParaRPr lang="en-GB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8844BF6-66EB-4F04-9122-61BFCF2C8B46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332367" y="6489341"/>
            <a:ext cx="1465747" cy="118192"/>
          </a:xfrm>
        </p:spPr>
        <p:txBody>
          <a:bodyPr/>
          <a:lstStyle/>
          <a:p>
            <a:fld id="{FFAB2352-921F-4DD8-A99A-A1474F6943FF}" type="datetime4">
              <a:rPr lang="en-US" smtClean="0">
                <a:latin typeface="Verdana" charset="0"/>
                <a:ea typeface="Verdana" charset="0"/>
                <a:cs typeface="Verdana" charset="0"/>
              </a:rPr>
              <a:t>April 7, 2025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A25F9FB-736A-4DED-98FB-79F4F03575E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Slide </a:t>
            </a:r>
            <a:fld id="{619F89D8-7AE3-494A-97F3-03D680869632}" type="slidenum">
              <a:rPr lang="en-US" smtClean="0">
                <a:latin typeface="Verdana" charset="0"/>
                <a:ea typeface="Verdana" charset="0"/>
                <a:cs typeface="Verdana" charset="0"/>
              </a:rPr>
              <a:pPr/>
              <a:t>2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5" name="Subtitle 4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/>
        <p:txBody>
          <a:bodyPr/>
          <a:lstStyle/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mpany Name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Number of Employees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untry: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Founded, Year:	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Contact person:	</a:t>
            </a:r>
          </a:p>
          <a:p>
            <a:pPr marL="465768" lvl="1" indent="-285750">
              <a:buFont typeface="Arial" panose="020B0604020202020204" pitchFamily="34" charset="0"/>
              <a:buChar char="•"/>
            </a:pPr>
            <a:r>
              <a:rPr lang="en-GB" dirty="0">
                <a:latin typeface="Verdana" panose="020B0604030504040204" pitchFamily="34" charset="0"/>
                <a:ea typeface="Verdana" panose="020B0604030504040204" pitchFamily="34" charset="0"/>
              </a:rPr>
              <a:t>Link to web page:	</a:t>
            </a:r>
          </a:p>
        </p:txBody>
      </p:sp>
    </p:spTree>
    <p:extLst>
      <p:ext uri="{BB962C8B-B14F-4D97-AF65-F5344CB8AC3E}">
        <p14:creationId xmlns:p14="http://schemas.microsoft.com/office/powerpoint/2010/main" val="9964028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E4D1893-7CAE-44F9-8318-D62393636D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2. Technology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8844BF6-66EB-4F04-9122-61BFCF2C8B46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332367" y="6489341"/>
            <a:ext cx="1465747" cy="158184"/>
          </a:xfrm>
        </p:spPr>
        <p:txBody>
          <a:bodyPr/>
          <a:lstStyle/>
          <a:p>
            <a:fld id="{FFAB2352-921F-4DD8-A99A-A1474F6943FF}" type="datetime4">
              <a:rPr lang="en-US" smtClean="0">
                <a:latin typeface="Verdana" charset="0"/>
                <a:ea typeface="Verdana" charset="0"/>
                <a:cs typeface="Verdana" charset="0"/>
              </a:rPr>
              <a:t>April 7, 2025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A25F9FB-736A-4DED-98FB-79F4F03575E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Slide </a:t>
            </a:r>
            <a:fld id="{619F89D8-7AE3-494A-97F3-03D680869632}" type="slidenum">
              <a:rPr lang="en-US" smtClean="0">
                <a:latin typeface="Verdana" charset="0"/>
                <a:ea typeface="Verdana" charset="0"/>
                <a:cs typeface="Verdana" charset="0"/>
              </a:rPr>
              <a:pPr/>
              <a:t>3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5" name="Subtitle 4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On this slide, briefly introduce your technology, emphasizing its unique features, use cases, and application areas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Feel free to include any descriptive images or photos.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 </a:t>
            </a:r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i="1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6C0CAA00-34A2-889D-BD8B-8F4CA8045DF8}"/>
              </a:ext>
            </a:extLst>
          </p:cNvPr>
          <p:cNvSpPr txBox="1"/>
          <p:nvPr/>
        </p:nvSpPr>
        <p:spPr bwMode="gray">
          <a:xfrm>
            <a:off x="346899" y="5676606"/>
            <a:ext cx="11512734" cy="586994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algn="ctr"/>
            <a:endParaRPr lang="en-SE" sz="1200" dirty="0" err="1">
              <a:solidFill>
                <a:schemeClr val="bg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255378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E4D1893-7CAE-44F9-8318-D62393636D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3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Y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solution to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our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hallenge</a:t>
            </a:r>
            <a:endParaRPr lang="en-GB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8844BF6-66EB-4F04-9122-61BFCF2C8B46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332367" y="6489341"/>
            <a:ext cx="1369111" cy="118192"/>
          </a:xfrm>
        </p:spPr>
        <p:txBody>
          <a:bodyPr/>
          <a:lstStyle/>
          <a:p>
            <a:fld id="{FFAB2352-921F-4DD8-A99A-A1474F6943FF}" type="datetime4">
              <a:rPr lang="en-US" smtClean="0">
                <a:latin typeface="Verdana" charset="0"/>
                <a:ea typeface="Verdana" charset="0"/>
                <a:cs typeface="Verdana" charset="0"/>
              </a:rPr>
              <a:t>April 7, 2025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A25F9FB-736A-4DED-98FB-79F4F03575E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Slide </a:t>
            </a:r>
            <a:fld id="{619F89D8-7AE3-494A-97F3-03D680869632}" type="slidenum">
              <a:rPr lang="en-US" smtClean="0">
                <a:latin typeface="Verdana" charset="0"/>
                <a:ea typeface="Verdana" charset="0"/>
                <a:cs typeface="Verdana" charset="0"/>
              </a:rPr>
              <a:pPr/>
              <a:t>4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5" name="Subtitle 4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</a:rPr>
              <a:t>Regarding this slide, please </a:t>
            </a:r>
            <a:r>
              <a:rPr lang="en-US" dirty="0">
                <a:latin typeface="Verdana" charset="0"/>
                <a:ea typeface="Verdana" charset="0"/>
                <a:cs typeface="Verdana" charset="0"/>
              </a:rPr>
              <a:t>briefly elaborate on how your technology could be a solution to ABB's challenge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You are also encouraged to include a descriptive picture or photo to enhance your explanation.</a:t>
            </a:r>
          </a:p>
          <a:p>
            <a:r>
              <a:rPr 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US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</a:t>
            </a:r>
          </a:p>
        </p:txBody>
      </p:sp>
    </p:spTree>
    <p:extLst>
      <p:ext uri="{BB962C8B-B14F-4D97-AF65-F5344CB8AC3E}">
        <p14:creationId xmlns:p14="http://schemas.microsoft.com/office/powerpoint/2010/main" val="14962994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E4D1893-7CAE-44F9-8318-D62393636D6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>
                <a:latin typeface="Verdana" charset="0"/>
                <a:ea typeface="Verdana" charset="0"/>
                <a:cs typeface="Verdana" charset="0"/>
              </a:rPr>
              <a:t>4.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Complementary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slides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(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if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 </a:t>
            </a:r>
            <a:r>
              <a:rPr lang="sv-SE" dirty="0" err="1">
                <a:latin typeface="Verdana" charset="0"/>
                <a:ea typeface="Verdana" charset="0"/>
                <a:cs typeface="Verdana" charset="0"/>
              </a:rPr>
              <a:t>any</a:t>
            </a:r>
            <a:r>
              <a:rPr lang="sv-SE" dirty="0">
                <a:latin typeface="Verdana" charset="0"/>
                <a:ea typeface="Verdana" charset="0"/>
                <a:cs typeface="Verdana" charset="0"/>
              </a:rPr>
              <a:t>)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8844BF6-66EB-4F04-9122-61BFCF2C8B46}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332367" y="6489341"/>
            <a:ext cx="1465747" cy="118192"/>
          </a:xfrm>
        </p:spPr>
        <p:txBody>
          <a:bodyPr/>
          <a:lstStyle/>
          <a:p>
            <a:fld id="{FFAB2352-921F-4DD8-A99A-A1474F6943FF}" type="datetime4">
              <a:rPr lang="en-US" smtClean="0">
                <a:latin typeface="Verdana" charset="0"/>
                <a:ea typeface="Verdana" charset="0"/>
                <a:cs typeface="Verdana" charset="0"/>
              </a:rPr>
              <a:t>April 7, 2025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A25F9FB-736A-4DED-98FB-79F4F03575E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Slide </a:t>
            </a:r>
            <a:fld id="{619F89D8-7AE3-494A-97F3-03D680869632}" type="slidenum">
              <a:rPr lang="en-US" smtClean="0">
                <a:latin typeface="Verdana" charset="0"/>
                <a:ea typeface="Verdana" charset="0"/>
                <a:cs typeface="Verdana" charset="0"/>
              </a:rPr>
              <a:pPr/>
              <a:t>5</a:t>
            </a:fld>
            <a:endParaRPr lang="en-US" dirty="0">
              <a:latin typeface="Verdana" charset="0"/>
              <a:ea typeface="Verdana" charset="0"/>
              <a:cs typeface="Verdana" charset="0"/>
            </a:endParaRPr>
          </a:p>
        </p:txBody>
      </p:sp>
      <p:sp>
        <p:nvSpPr>
          <p:cNvPr id="5" name="Subtitle 4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Content Placeholder 8"/>
          <p:cNvSpPr>
            <a:spLocks noGrp="1"/>
          </p:cNvSpPr>
          <p:nvPr>
            <p:ph sz="quarter" idx="21"/>
          </p:nvPr>
        </p:nvSpPr>
        <p:spPr/>
        <p:txBody>
          <a:bodyPr/>
          <a:lstStyle/>
          <a:p>
            <a:r>
              <a:rPr lang="en-US" dirty="0">
                <a:latin typeface="Verdana" charset="0"/>
                <a:ea typeface="Verdana" charset="0"/>
                <a:cs typeface="Verdana" charset="0"/>
              </a:rPr>
              <a:t>This slide is available for any additional information you believe enhances your chances of selection. 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US" dirty="0">
                <a:latin typeface="Verdana" charset="0"/>
                <a:ea typeface="Verdana" charset="0"/>
                <a:cs typeface="Verdana" charset="0"/>
              </a:rPr>
              <a:t>Use it to present details that don't fit into the other slides but are crucial for showcasing your strengths.</a:t>
            </a: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br>
              <a:rPr lang="en-US" dirty="0">
                <a:latin typeface="Verdana" charset="0"/>
                <a:ea typeface="Verdana" charset="0"/>
                <a:cs typeface="Verdana" charset="0"/>
              </a:rPr>
            </a:br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Please do not add any of your confidential company data in the application, as at this point there is not any NDA </a:t>
            </a:r>
          </a:p>
          <a:p>
            <a:r>
              <a:rPr lang="en-GB" dirty="0">
                <a:solidFill>
                  <a:srgbClr val="FF0000"/>
                </a:solidFill>
                <a:latin typeface="Verdana" charset="0"/>
                <a:ea typeface="Verdana" charset="0"/>
              </a:rPr>
              <a:t>(Non-Disclosure Agreement) signed. </a:t>
            </a:r>
            <a:endParaRPr lang="en-SE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>
              <a:solidFill>
                <a:srgbClr val="FF0000"/>
              </a:solidFill>
              <a:latin typeface="Verdana" charset="0"/>
              <a:ea typeface="Verdana" charset="0"/>
            </a:endParaRPr>
          </a:p>
          <a:p>
            <a:endParaRPr lang="en-US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3F8206E2-A438-7B44-F35E-028DF68CCD47}"/>
              </a:ext>
            </a:extLst>
          </p:cNvPr>
          <p:cNvSpPr txBox="1"/>
          <p:nvPr/>
        </p:nvSpPr>
        <p:spPr bwMode="gray">
          <a:xfrm>
            <a:off x="346899" y="5676606"/>
            <a:ext cx="11512734" cy="586994"/>
          </a:xfrm>
          <a:prstGeom prst="rect">
            <a:avLst/>
          </a:prstGeom>
          <a:noFill/>
        </p:spPr>
        <p:txBody>
          <a:bodyPr wrap="square" lIns="72000" tIns="72000" rIns="72000" bIns="72000" rtlCol="0">
            <a:noAutofit/>
          </a:bodyPr>
          <a:lstStyle/>
          <a:p>
            <a:pPr algn="ctr"/>
            <a:endParaRPr lang="en-SE" sz="1200" dirty="0" err="1">
              <a:solidFill>
                <a:schemeClr val="bg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893938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758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ABB Master">
  <a:themeElements>
    <a:clrScheme name="Custom 3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262626"/>
      </a:accent1>
      <a:accent2>
        <a:srgbClr val="6E6E6E"/>
      </a:accent2>
      <a:accent3>
        <a:srgbClr val="A9A9A9"/>
      </a:accent3>
      <a:accent4>
        <a:srgbClr val="D2D2D2"/>
      </a:accent4>
      <a:accent5>
        <a:srgbClr val="F0F0F0"/>
      </a:accent5>
      <a:accent6>
        <a:srgbClr val="FAFAFA"/>
      </a:accent6>
      <a:hlink>
        <a:srgbClr val="D90000"/>
      </a:hlink>
      <a:folHlink>
        <a:srgbClr val="FF000F"/>
      </a:folHlink>
    </a:clrScheme>
    <a:fontScheme name="ABBvoice">
      <a:majorFont>
        <a:latin typeface="ABBvoice"/>
        <a:ea typeface="ABBvoice"/>
        <a:cs typeface="ABBvoice"/>
      </a:majorFont>
      <a:minorFont>
        <a:latin typeface="ABBvoice"/>
        <a:ea typeface="ABBvoice"/>
        <a:cs typeface="ABBvo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solidFill>
          <a:schemeClr val="accent4"/>
        </a:solidFill>
        <a:ln w="12700">
          <a:solidFill>
            <a:schemeClr val="accent4"/>
          </a:solidFill>
        </a:ln>
      </a:spPr>
      <a:bodyPr rtlCol="0" anchor="ctr"/>
      <a:lstStyle>
        <a:defPPr algn="ctr">
          <a:spcBef>
            <a:spcPts val="600"/>
          </a:spcBef>
          <a:defRPr sz="14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 bwMode="gray">
        <a:ln w="12700"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 bwMode="gray">
        <a:noFill/>
      </a:spPr>
      <a:bodyPr wrap="square" lIns="0" tIns="0" rIns="0" bIns="0" rtlCol="0">
        <a:noAutofit/>
      </a:bodyPr>
      <a:lstStyle>
        <a:defPPr algn="l">
          <a:spcBef>
            <a:spcPts val="600"/>
          </a:spcBef>
          <a:defRPr sz="1400" dirty="0" smtClean="0"/>
        </a:defPPr>
      </a:lstStyle>
    </a:txDef>
  </a:objectDefaults>
  <a:extraClrSchemeLst/>
  <a:custClrLst>
    <a:custClr name="Blue">
      <a:srgbClr val="004C97"/>
    </a:custClr>
    <a:custClr name="Green">
      <a:srgbClr val="007A33"/>
    </a:custClr>
    <a:custClr name="Yellow">
      <a:srgbClr val="FFD100"/>
    </a:custClr>
    <a:custClr name="Red Grey">
      <a:srgbClr val="817275"/>
    </a:custClr>
    <a:custClr name="Green Grey">
      <a:srgbClr val="6B7173"/>
    </a:custClr>
    <a:custClr name="Blue Grey">
      <a:srgbClr val="5B6F80"/>
    </a:custClr>
    <a:custClr name="Violet Grey">
      <a:srgbClr val="78838E"/>
    </a:custClr>
  </a:custClrLst>
  <a:extLst>
    <a:ext uri="{05A4C25C-085E-4340-85A3-A5531E510DB2}">
      <thm15:themeFamily xmlns:thm15="http://schemas.microsoft.com/office/thememl/2012/main" name="ABB PPT Template Templafy 2021120.pptx" id="{636D59D8-4D47-4D62-9970-5569608586F8}" vid="{6FA9D2F3-2CBF-4267-9EAB-EDA28A34CA0B}"/>
    </a:ext>
  </a:extLst>
</a:theme>
</file>

<file path=ppt/theme/theme2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ABB">
      <a:dk1>
        <a:srgbClr val="000000"/>
      </a:dk1>
      <a:lt1>
        <a:srgbClr val="FFFFFF"/>
      </a:lt1>
      <a:dk2>
        <a:srgbClr val="D90000"/>
      </a:dk2>
      <a:lt2>
        <a:srgbClr val="FF000F"/>
      </a:lt2>
      <a:accent1>
        <a:srgbClr val="1E1E1E"/>
      </a:accent1>
      <a:accent2>
        <a:srgbClr val="3C3C3C"/>
      </a:accent2>
      <a:accent3>
        <a:srgbClr val="6E6E6E"/>
      </a:accent3>
      <a:accent4>
        <a:srgbClr val="A0A0A0"/>
      </a:accent4>
      <a:accent5>
        <a:srgbClr val="D2D2D2"/>
      </a:accent5>
      <a:accent6>
        <a:srgbClr val="F0F0F0"/>
      </a:accent6>
      <a:hlink>
        <a:srgbClr val="D90000"/>
      </a:hlink>
      <a:folHlink>
        <a:srgbClr val="FF000F"/>
      </a:folHlink>
    </a:clrScheme>
    <a:fontScheme name="ABBvoiceOffice">
      <a:majorFont>
        <a:latin typeface="ABBvoiceOffice"/>
        <a:ea typeface="ABBvoiceOffice"/>
        <a:cs typeface="ABBvoiceOffice"/>
      </a:majorFont>
      <a:minorFont>
        <a:latin typeface="ABBvoiceOffice"/>
        <a:ea typeface="ABBvoiceOffice"/>
        <a:cs typeface="ABBvoiceOffice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?mso-contentType ?>
<SharedContentType xmlns="Microsoft.SharePoint.Taxonomy.ContentTypeSync" SourceId="13e722c5-bebe-4801-a6ac-67aa35eba088" ContentTypeId="0x010100C73238EC1C55483BBB279E4E8C27D02E01" PreviousValue="false" LastSyncTimeStamp="2018-03-15T11:37:34.393Z"/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200966397553564","enableDocumentContentUpdater":false,"version":"2.0"}]]></TemplafySlideTemplateConfiguration>
</file>

<file path=customXml/item14.xml><?xml version="1.0" encoding="utf-8"?>
<Update>
  <Cmd case="SkabelonDesign.DocumentData:DefineData" variableName="DocumentRevisionIdLabelAndValue">
    <Doc.CustomXml.ABB_Coll_DocumentRevisionId>
      <s><![CDATA[Rev.: ]]></s>
      <Doc.CustomXml.ABB_Coll_DocumentRevisionId/>
    </Doc.CustomXml.ABB_Coll_DocumentRevisionId>
    <s/>
  </Cmd>
  <Cmd case="SkabelonDesign.DocumentData:DefineData" variableName="PPMetadata">
    <Doc.CustomXml.ABB_Coll_DocumentId>
      <s><![CDATA[Document ID: ]]></s>
      <Doc.CustomXml.ABB_Coll_DocumentId/>
    </Doc.CustomXml.ABB_Coll_DocumentId>
    <s/>
  </Cmd>
  <Cmd case="SkabelonDesign.DocumentData:DefineData" variableName="SecurityLevel">
    <Doc.CustomXml.ABB_Coll_SecurityLevel>
      <Doc.CustomXml.ABB_Coll_SecurityLevel/>
    </Doc.CustomXml.ABB_Coll_SecurityLevel>
    <s/>
  </Cmd>
  <Cmd case="BaseExtensions:If" if-1-type="DOCUMENTDATA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DATA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DATA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abb;+abbqa">
    <True>
      <Cmd case="BaseExtensions:find-shape-bring-to-front" copyDelete="true" layout-1-name="Cover C" shape-1-name-1="Revision" shape-1-name-2="Copyright" shape-1-name-3="DocumentID" shape-1-name-4="Logo" shape-1-name-5="Classification" layout-2-name="Cover D" shape-2-name-1="Revision" shape-2-name-2="Copyright" shape-2-name-3="DocumentID" shape-2-name-4="Logo" shape-2-name-5="Classification" layout-3-name="Cover E" shape-3-name-1="Classification" layout-4-name="Cover F" shape-4-name-1="Classification" layout-5-name="Picture full screen" shape-5-name-6="Slide number" shape-5-name-7="Date dynamic" shape-5-name-8="CopyrightText" shape-5-name-9="LogoFooter"/>
    </True>
  </Cmd>
  <Cmd case="BaseExtensions:If" if-1-type="documentprop" if-1-key="hideDate" if-1-value="True">
    <True>
      <cmd case="BaseExtensions:show-hide-pp" show="true" ShapeNames="Date dynamic" ToggleOnActiveSlide="false"/>
    </True>
    <False>
      <cmd case="BaseExtensions:show-hide-pp" show="false" ShapeNames="Date dynamic" ToggleOnActiveSlide="false"/>
    </False>
  </Cmd>
  <Cmd case="BaseExtensions:If" if-1-type="documentprop" if-1-key="hideSlideNumber" if-1-value="True">
    <True>
      <cmd case="BaseExtensions:show-hide-pp" show="true" ShapeNames="Slide number" ToggleOnActiveSlide="false"/>
    </True>
    <False>
      <cmd case="BaseExtensions:show-hide-pp" show="false" ShapeNames="Slide number" ToggleOnActiveSlide="false"/>
    </False>
  </Cmd>
  <Cmd case="BaseExtensions:If" if-1-type="documentprop" if-1-key="hideCopyright" if-1-value="True">
    <True>
      <Cmd case="BaseExtensions:show-hide-pp" show="true" ShapeNames="CopyrightText" ToggleOnActiveSlide="false"/>
    </True>
    <False>
      <Cmd case="BaseExtensions:show-hide-pp" show="false" ShapeNames="CopyrightText" ToggleOnActiveSlide="false"/>
    </False>
  </Cmd>
  <Cmd case="BaseExtensions:If" if-1-type="documentprop" if-1-key="hideLogo" if-1-value="True">
    <True>
      <Cmd case="BaseExtensions:show-hide-pp" show="true" ShapeNames="LogoFooter" ToggleOnActiveSlide="false"/>
    </True>
    <False>
      <Cmd case="BaseExtensions:show-hide-pp" show="false" ShapeNames="LogoFooter" ToggleOnActiveSlide="false"/>
    </False>
  </Cmd>
</Update>
</file>

<file path=customXml/item1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BasedOnDocumentId xmlns="71d29222-2c5f-45ad-9aa5-4c2d15fddbe9">Not Defined</BasedOnDocumentId>
    <Notes1 xmlns="71d29222-2c5f-45ad-9aa5-4c2d15fddbe9" xsi:nil="true"/>
    <TaxCatchAll xmlns="71d29222-2c5f-45ad-9aa5-4c2d15fddbe9" xsi:nil="true"/>
    <ABB_Coll_DocumentRevisionId xmlns="71d29222-2c5f-45ad-9aa5-4c2d15fddbe9" xsi:nil="true"/>
    <CombinedDocumentId xmlns="71d29222-2c5f-45ad-9aa5-4c2d15fddbe9" xsi:nil="true"/>
    <o8cb8facb2054f9d919ea0674048ef40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en</TermName>
          <TermId xmlns="http://schemas.microsoft.com/office/infopath/2007/PartnerControls">645eeacf-9e24-46f0-b6e5-4c5343c3dda6</TermId>
        </TermInfo>
      </Terms>
    </o8cb8facb2054f9d919ea0674048ef40>
    <ABB_Coll_LifecycleStatus xmlns="71d29222-2c5f-45ad-9aa5-4c2d15fddbe9">Draft</ABB_Coll_LifecycleStatus>
    <ABB_Coll_RevisionText xmlns="71d29222-2c5f-45ad-9aa5-4c2d15fddbe9" xsi:nil="true"/>
    <BasedOnDocumentPartId xmlns="71d29222-2c5f-45ad-9aa5-4c2d15fddbe9" xsi:nil="true"/>
    <na4369807a744182aff6832bcef961df xmlns="71d29222-2c5f-45ad-9aa5-4c2d15fddbe9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on</TermName>
          <TermId xmlns="http://schemas.microsoft.com/office/infopath/2007/PartnerControls">879fe0ba-b71c-4824-bb6f-5e1cf3c4fd6d</TermId>
        </TermInfo>
      </Terms>
    </na4369807a744182aff6832bcef961df>
    <ABB_Coll_ApprovedByPerson xmlns="71d29222-2c5f-45ad-9aa5-4c2d15fddbe9" xsi:nil="true"/>
    <ABB_Coll_OwningOrganization xmlns="71d29222-2c5f-45ad-9aa5-4c2d15fddbe9" xsi:nil="true"/>
    <ABB_Coll_SecurityLevel xmlns="71d29222-2c5f-45ad-9aa5-4c2d15fddbe9">1 Blank / No selection</ABB_Coll_SecurityLevel>
    <BasedOnLanguageCode xmlns="71d29222-2c5f-45ad-9aa5-4c2d15fddbe9">EN</BasedOnLanguageCode>
    <ABB_Coll_DocumentPartID xmlns="71d29222-2c5f-45ad-9aa5-4c2d15fddbe9" xsi:nil="true"/>
    <ABB_Coll_DocumentId xmlns="71d29222-2c5f-45ad-9aa5-4c2d15fddbe9" xsi:nil="true"/>
    <ABB_Coll_RetentionDate xmlns="71d29222-2c5f-45ad-9aa5-4c2d15fddbe9" xsi:nil="true"/>
    <ABB_Coll_TitleEnglish xmlns="71d29222-2c5f-45ad-9aa5-4c2d15fddbe9" xsi:nil="true"/>
    <SupplementaryTitle xmlns="71d29222-2c5f-45ad-9aa5-4c2d15fddbe9">Not Defined</SupplementaryTitle>
    <ABB_Coll_PreparedByPerson xmlns="71d29222-2c5f-45ad-9aa5-4c2d15fddbe9" xsi:nil="true"/>
    <ABB_Coll_PreparedDate xmlns="71d29222-2c5f-45ad-9aa5-4c2d15fddbe9" xsi:nil="true"/>
    <ABB_Coll_ApprovalDate xmlns="71d29222-2c5f-45ad-9aa5-4c2d15fddbe9" xsi:nil="true"/>
    <BasedOnRevisionId xmlns="71d29222-2c5f-45ad-9aa5-4c2d15fddbe9">Not Defined</BasedOnRevisionId>
  </documentManagement>
</p:properties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TemplateConfiguration><![CDATA[{"elementsMetadata":[{"type":"shape","id":"e50060ec-cb7a-4a6f-80c3-0fc546c624c0","elementConfiguration":{"binding":"{{FormatDateTime(Form.PreparedDate, \"MMMM d, yyyy\")}}","visibility":"","type":"text","disableUpdates":false}},{"type":"shape","id":"a87f2908-e586-45fa-834c-ed001ff448e4","elementConfiguration":{"width":"4.25 cm","height":"0.7 cm","image":"{{Form.SecurityLevel.Classification}}","type":"image","disableUpdates":false}},{"type":"shape","id":"d33a0709-24a3-4fc4-8724-b8fa75e48303","elementConfiguration":{"width":"4.25 cm","height":"0.7 cm","image":"{{Form.SecurityLevel.Classification}}","type":"image","disableUpdates":false}},{"type":"shape","id":"1306a954-eb53-4d3b-a8f7-755c399262a6","elementConfiguration":{"width":"4.25 cm","height":"0.7 cm","image":"{{Form.SecurityLevel.Classification}}","type":"image","disableUpdates":false}},{"type":"shape","id":"927cb83d-42eb-49ff-8fb8-3df0c65c9c21","elementConfiguration":{"width":"4.25 cm","height":"0.7 cm","image":"{{Form.SecurityLevel.Classification}}","type":"image","disableUpdates":false}},{"type":"shape","id":"f3639d31-ceed-424e-b4d9-d965f03f85f2","elementConfiguration":{"width":"4.25 cm","height":"0.7 cm","image":"{{Form.SecurityLevel.Classification}}","type":"image","disableUpdates":false}},{"type":"shape","id":"7de32af2-0e08-49ff-9100-48d55384ba3b","elementConfiguration":{"width":"4.25 cm","height":"0.7 cm","image":"{{Form.SecurityLevel.Classification}}","type":"image","disableUpdates":false}},{"type":"shape","id":"ec34433b-61f3-4874-af57-00aa35894475","elementConfiguration":{"width":"4.25 cm","height":"0.7 cm","image":"{{Form.SecurityLevel.Classification}}","type":"image","disableUpdates":false}},{"type":"shape","id":"c8f5a572-17b5-4ed2-96cc-a8eca55be8af","elementConfiguration":{"width":"4.25 cm","height":"0.7 cm","image":"{{Form.SecurityLevel.Classification}}","type":"image","disableUpdates":false}},{"type":"shape","id":"f93e644f-9811-4404-ad33-27f751e62c95","elementConfiguration":{"width":"4.25 cm","height":"0.7 cm","image":"{{Form.SecurityLevel.Classification}}","type":"image","disableUpdates":false}},{"type":"shape","id":"49d94889-25bd-4d9f-a931-91ac29f0f778","elementConfiguration":{"width":"4.25 cm","height":"0.7 cm","image":"{{Form.SecurityLevel.Classification}}","type":"image","disableUpdates":false}}],"transformationConfigurations":[{"binding":"{{Form.DocumentID}}","namespace":"http://schemas.microsoft.com/office/2006/metadata/properties","path":"/p:properties/documentManagement/*[local-name()=\"ABB_Coll_DocumentId\"]","disableUpdates":false,"type":"customXmlValue"},{"namespace":"http://schemas.microsoft.com/office/2006/metadata/properties","path":"/p:properties/documentManagement/*[local-name()=\"o8cb8facb2054f9d919ea0674048ef40\"]","termId":"{{Form.Language.TermID}}","termName":"{{Form.Language.Name}}","disableUpdates":false,"type":"customXmlManagedMetadata"},{"namespace":"http://schemas.microsoft.com/office/2006/metadata/properties","path":"/p:properties/documentManagement/*[local-name()=\"na4369807a744182aff6832bcef961df\"]","termId":"{{Form.DocumentKind.TermID}}","termName":"{{Form.DocumentKind.DocumentKind}}","disableUpdates":false,"type":"customXmlManagedMetadata"},{"binding":"{{Form.Revision}}","namespace":"http://schemas.microsoft.com/office/2006/metadata/properties","path":"/p:properties/documentManagement/*[local-name()=\"ABB_Coll_DocumentRevisionId\"]","disableUpdates":false,"type":"customXmlValue"},{"binding":"{{Form.LifeCycleStatus.Name}}","namespace":"http://schemas.microsoft.com/office/2006/metadata/properties","path":"/p:properties/documentManagement/*[local-name()=\"ABB_Coll_LifecycleStatus\"]","disableUpdates":false,"type":"customXmlValue"},{"binding":"{{Form.ApprovalDate}}","namespace":"http://schemas.microsoft.com/office/2006/metadata/properties","path":"/p:properties/documentManagement/*[local-name()=\"ABB_Coll_ApprovalDate\"]","disableUpdates":false,"type":"customXmlDateTimeValue"},{"binding":"{{Form.ApprovedByPerson}}","namespace":"http://schemas.microsoft.com/office/2006/metadata/properties","path":"/p:properties/documentManagement/*[local-name()=\"ABB_Coll_ApprovedByPerson\"]","disableUpdates":false,"type":"customXmlValue"},{"binding":"{{Form.PreparedByPerson}}","namespace":"http://schemas.microsoft.com/office/2006/metadata/properties","path":"/p:properties/documentManagement/*[local-name()=\"ABB_Coll_PreparedByPerson\"]","disableUpdates":false,"type":"customXmlValue"},{"binding":"{{Form.OwningOrganization}}","namespace":"http://schemas.microsoft.com/office/2006/metadata/properties","path":"/p:properties/documentManagement/*[local-name()=\"ABB_Coll_OwningOrganization\"]","disableUpdates":false,"type":"customXmlValue"},{"binding":"{{Form.SecurityLevel.Name}}","namespace":"http://schemas.microsoft.com/office/2006/metadata/properties","path":"/p:properties/documentManagement/*[local-name()=\"ABB_Coll_SecurityLevel\"]","disableUpdates":false,"type":"customXmlValue"},{"binding":"{{Form.PreparedDate}}","namespace":"http://schemas.microsoft.com/office/2006/metadata/properties","path":"/p:properties/documentManagement/*[local-name()=\"ABB_Coll_PreparedDate\"]","disableUpdates":false,"type":"customXmlDateTimeValue"},{"propertyName":"title","propertyValue":"{{Form.DocumentTitle}}","disableUpdates":false,"type":"documentProperty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,{"language":"{{DocumentLanguage}}","disableUpdates":false,"type":"proofingLanguage"},{"propertyName":"BrandName","propertyValue":"{{UserProfile.Brand.Name}}","disableUpdates":false,"type":"customDocumentProperty"},{"propertyName":"hideDate","propertyValue":"{{Form.Date}}","disableUpdates":false,"type":"customDocumentProperty"},{"propertyName":"hideSlideNumber","propertyValue":"{{Form.SlideNumber}}","disableUpdates":false,"type":"customDocumentProperty"},{"propertyName":"hideCopyright","propertyValue":"{{Form.Copyright}}","disableUpdates":false,"type":"customDocumentProperty"},{"propertyName":"hideLogo","propertyValue":"{{Form.Logo}}","disableUpdates":false,"type":"customDocumentProperty"}],"templateName":"ABB - Blank with Dynamics - 20230511 - 2","templateDescription":"","enableDocumentContentUpdater":true,"version":"2.0"}]]></TemplafyTemplateConfiguration>
</file>

<file path=customXml/item4.xml><?xml version="1.0" encoding="utf-8"?>
<TemplafySlideTemplateConfiguration><![CDATA[{"slideVersion":1,"isValidatorEnabled":false,"isLocked":false,"elementsMetadata":[{"type":"shape","elementConfiguration":{"width":"4.25 cm","height":"0.7 cm","image":"{{Form.SecurityLevel.Classification}}","type":"image","disableUpdates":false}}],"slideId":"638200966397366570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8200966397547855","enableDocumentContentUpdater":false,"version":"2.0"}]]></TemplafySlide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ABB Template" ma:contentTypeID="0x010100C73238EC1C55483BBB279E4E8C27D02E0100BB91C0F054DFB449B6CF054D7AD1ED9E" ma:contentTypeVersion="5" ma:contentTypeDescription="Opret et nyt dokument." ma:contentTypeScope="" ma:versionID="95480016f5dae8e6d3acb0fc797db5cc">
  <xsd:schema xmlns:xsd="http://www.w3.org/2001/XMLSchema" xmlns:xs="http://www.w3.org/2001/XMLSchema" xmlns:p="http://schemas.microsoft.com/office/2006/metadata/properties" xmlns:ns2="71d29222-2c5f-45ad-9aa5-4c2d15fddbe9" targetNamespace="http://schemas.microsoft.com/office/2006/metadata/properties" ma:root="true" ma:fieldsID="11712ccaf642d05e482a6a247e4bc6ed" ns2:_="">
    <xsd:import namespace="71d29222-2c5f-45ad-9aa5-4c2d15fddbe9"/>
    <xsd:element name="properties">
      <xsd:complexType>
        <xsd:sequence>
          <xsd:element name="documentManagement">
            <xsd:complexType>
              <xsd:all>
                <xsd:element ref="ns2:ABB_Coll_DocumentId"/>
                <xsd:element ref="ns2:na4369807a744182aff6832bcef961df" minOccurs="0"/>
                <xsd:element ref="ns2:TaxCatchAll" minOccurs="0"/>
                <xsd:element ref="ns2:TaxCatchAllLabel" minOccurs="0"/>
                <xsd:element ref="ns2:ABB_Coll_DocumentRevisionId"/>
                <xsd:element ref="ns2:ABB_Coll_LifecycleStatus"/>
                <xsd:element ref="ns2:o8cb8facb2054f9d919ea0674048ef40" minOccurs="0"/>
                <xsd:element ref="ns2:ABB_Coll_PreparedByPerson"/>
                <xsd:element ref="ns2:ABB_Coll_PreparedDate" minOccurs="0"/>
                <xsd:element ref="ns2:ABB_Coll_SecurityLevel"/>
                <xsd:element ref="ns2:ABB_Coll_ApprovalDate" minOccurs="0"/>
                <xsd:element ref="ns2:ABB_Coll_ApprovedByPerson" minOccurs="0"/>
                <xsd:element ref="ns2:ABB_Coll_DocumentPartID" minOccurs="0"/>
                <xsd:element ref="ns2:ABB_Coll_OwningOrganization" minOccurs="0"/>
                <xsd:element ref="ns2:ABB_Coll_RetentionDate" minOccurs="0"/>
                <xsd:element ref="ns2:ABB_Coll_RevisionText" minOccurs="0"/>
                <xsd:element ref="ns2:ABB_Coll_TitleEnglish" minOccurs="0"/>
                <xsd:element ref="ns2:BasedOnDocumentId" minOccurs="0"/>
                <xsd:element ref="ns2:BasedOnLanguageCode" minOccurs="0"/>
                <xsd:element ref="ns2:BasedOnRevisionId" minOccurs="0"/>
                <xsd:element ref="ns2:CombinedDocumentId" minOccurs="0"/>
                <xsd:element ref="ns2:Notes1" minOccurs="0"/>
                <xsd:element ref="ns2:SupplementaryTitle" minOccurs="0"/>
                <xsd:element ref="ns2:BasedOnDocumentPartId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29222-2c5f-45ad-9aa5-4c2d15fddbe9" elementFormDefault="qualified">
    <xsd:import namespace="http://schemas.microsoft.com/office/2006/documentManagement/types"/>
    <xsd:import namespace="http://schemas.microsoft.com/office/infopath/2007/PartnerControls"/>
    <xsd:element name="ABB_Coll_DocumentId" ma:index="8" ma:displayName="Document ID" ma:internalName="ABB_Coll_DocumentId" ma:readOnly="false">
      <xsd:simpleType>
        <xsd:restriction base="dms:Text">
          <xsd:maxLength value="32"/>
        </xsd:restriction>
      </xsd:simpleType>
    </xsd:element>
    <xsd:element name="na4369807a744182aff6832bcef961df" ma:index="9" ma:taxonomy="true" ma:internalName="na4369807a744182aff6832bcef961df" ma:taxonomyFieldName="ABB_Coll_DocumentKind" ma:displayName="Document Kind" ma:readOnly="false" ma:default="" ma:fieldId="{7a436980-7a74-4182-aff6-832bcef961df}" ma:sspId="13e722c5-bebe-4801-a6ac-67aa35eba088" ma:termSetId="9fcef174-6530-482d-8615-b6a04facd027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10" nillable="true" ma:displayName="Taxonomy Catch All Column" ma:hidden="true" ma:list="{f605c55b-e380-4476-ac60-21537dde0012}" ma:internalName="TaxCatchAll" ma:showField="CatchAllData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11" nillable="true" ma:displayName="Taxonomy Catch All Column1" ma:hidden="true" ma:list="{f605c55b-e380-4476-ac60-21537dde0012}" ma:internalName="TaxCatchAllLabel" ma:readOnly="true" ma:showField="CatchAllDataLabel" ma:web="2e551aff-ed8b-4a86-bed0-b4a629a556c3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ABB_Coll_DocumentRevisionId" ma:index="13" ma:displayName="Revision" ma:default="A" ma:internalName="ABB_Coll_DocumentRevisionId" ma:readOnly="false">
      <xsd:simpleType>
        <xsd:restriction base="dms:Text">
          <xsd:maxLength value="10"/>
        </xsd:restriction>
      </xsd:simpleType>
    </xsd:element>
    <xsd:element name="ABB_Coll_LifecycleStatus" ma:index="14" ma:displayName="Lifecycle Status" ma:default="Draft" ma:internalName="ABB_Coll_LifecycleStatus" ma:readOnly="false">
      <xsd:simpleType>
        <xsd:restriction base="dms:Choice">
          <xsd:enumeration value="Draft"/>
          <xsd:enumeration value="In review"/>
          <xsd:enumeration value="Approved"/>
          <xsd:enumeration value="Withdrawn"/>
        </xsd:restriction>
      </xsd:simpleType>
    </xsd:element>
    <xsd:element name="o8cb8facb2054f9d919ea0674048ef40" ma:index="15" ma:taxonomy="true" ma:internalName="o8cb8facb2054f9d919ea0674048ef40" ma:taxonomyFieldName="ABB_Coll_LanguageCode" ma:displayName="Language Code" ma:readOnly="false" ma:default="" ma:fieldId="{88cb8fac-b205-4f9d-919e-a0674048ef40}" ma:sspId="13e722c5-bebe-4801-a6ac-67aa35eba088" ma:termSetId="0a7cdf19-023e-497a-aaf4-2d3440a665f2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ABB_Coll_PreparedByPerson" ma:index="17" ma:displayName="Prepared By Person" ma:internalName="ABB_Coll_PreparedByPerson" ma:readOnly="false">
      <xsd:simpleType>
        <xsd:restriction base="dms:Text">
          <xsd:maxLength value="255"/>
        </xsd:restriction>
      </xsd:simpleType>
    </xsd:element>
    <xsd:element name="ABB_Coll_PreparedDate" ma:index="18" nillable="true" ma:displayName="Prepared Date" ma:format="DateOnly" ma:internalName="ABB_Coll_PreparedDate" ma:readOnly="false">
      <xsd:simpleType>
        <xsd:restriction base="dms:DateTime"/>
      </xsd:simpleType>
    </xsd:element>
    <xsd:element name="ABB_Coll_SecurityLevel" ma:index="19" ma:displayName="Security Level" ma:default="Internal" ma:internalName="ABB_Coll_SecurityLevel" ma:readOnly="false">
      <xsd:simpleType>
        <xsd:restriction base="dms:Choice">
          <xsd:enumeration value="Public"/>
          <xsd:enumeration value="Internal"/>
          <xsd:enumeration value="Confidential"/>
          <xsd:enumeration value="Strictly Confidential"/>
        </xsd:restriction>
      </xsd:simpleType>
    </xsd:element>
    <xsd:element name="ABB_Coll_ApprovalDate" ma:index="20" nillable="true" ma:displayName="Approval Date" ma:format="DateOnly" ma:internalName="ABB_Coll_ApprovalDate" ma:readOnly="false">
      <xsd:simpleType>
        <xsd:restriction base="dms:DateTime"/>
      </xsd:simpleType>
    </xsd:element>
    <xsd:element name="ABB_Coll_ApprovedByPerson" ma:index="21" nillable="true" ma:displayName="Approved By Person" ma:internalName="ABB_Coll_ApprovedByPerson" ma:readOnly="false">
      <xsd:simpleType>
        <xsd:restriction base="dms:Text">
          <xsd:maxLength value="100"/>
        </xsd:restriction>
      </xsd:simpleType>
    </xsd:element>
    <xsd:element name="ABB_Coll_DocumentPartID" ma:index="22" nillable="true" ma:displayName="Document Part ID" ma:internalName="ABB_Coll_DocumentPartID" ma:readOnly="false">
      <xsd:simpleType>
        <xsd:restriction base="dms:Text">
          <xsd:maxLength value="32"/>
        </xsd:restriction>
      </xsd:simpleType>
    </xsd:element>
    <xsd:element name="ABB_Coll_OwningOrganization" ma:index="23" nillable="true" ma:displayName="Owning Organization" ma:internalName="ABB_Coll_OwningOrganization" ma:readOnly="false">
      <xsd:simpleType>
        <xsd:restriction base="dms:Text">
          <xsd:maxLength value="80"/>
        </xsd:restriction>
      </xsd:simpleType>
    </xsd:element>
    <xsd:element name="ABB_Coll_RetentionDate" ma:index="24" nillable="true" ma:displayName="Retention Date" ma:format="DateOnly" ma:internalName="ABB_Coll_RetentionDate" ma:readOnly="false">
      <xsd:simpleType>
        <xsd:restriction base="dms:DateTime"/>
      </xsd:simpleType>
    </xsd:element>
    <xsd:element name="ABB_Coll_RevisionText" ma:index="25" nillable="true" ma:displayName="Revision Text" ma:internalName="ABB_Coll_RevisionText" ma:readOnly="false">
      <xsd:simpleType>
        <xsd:restriction base="dms:Note">
          <xsd:maxLength value="255"/>
        </xsd:restriction>
      </xsd:simpleType>
    </xsd:element>
    <xsd:element name="ABB_Coll_TitleEnglish" ma:index="26" nillable="true" ma:displayName="Title English" ma:internalName="ABB_Coll_TitleEnglish" ma:readOnly="false">
      <xsd:simpleType>
        <xsd:restriction base="dms:Text"/>
      </xsd:simpleType>
    </xsd:element>
    <xsd:element name="BasedOnDocumentId" ma:index="27" nillable="true" ma:displayName="Based On Document Id" ma:default="Not Defined" ma:internalName="BasedOnDocumentId">
      <xsd:simpleType>
        <xsd:restriction base="dms:Text"/>
      </xsd:simpleType>
    </xsd:element>
    <xsd:element name="BasedOnLanguageCode" ma:index="28" nillable="true" ma:displayName="Based On Language Code" ma:default="EN" ma:internalName="BasedOnLanguageCode">
      <xsd:simpleType>
        <xsd:restriction base="dms:Text">
          <xsd:maxLength value="5"/>
        </xsd:restriction>
      </xsd:simpleType>
    </xsd:element>
    <xsd:element name="BasedOnRevisionId" ma:index="29" nillable="true" ma:displayName="Based On Document Revision Id" ma:default="Not Defined" ma:internalName="BasedOnRevisionId">
      <xsd:simpleType>
        <xsd:restriction base="dms:Text">
          <xsd:maxLength value="255"/>
        </xsd:restriction>
      </xsd:simpleType>
    </xsd:element>
    <xsd:element name="CombinedDocumentId" ma:index="30" nillable="true" ma:displayName="Combined Id" ma:internalName="CombinedDocumentId">
      <xsd:simpleType>
        <xsd:restriction base="dms:Text"/>
      </xsd:simpleType>
    </xsd:element>
    <xsd:element name="Notes1" ma:index="31" nillable="true" ma:displayName="Notes" ma:internalName="Notes1">
      <xsd:simpleType>
        <xsd:restriction base="dms:Note">
          <xsd:maxLength value="255"/>
        </xsd:restriction>
      </xsd:simpleType>
    </xsd:element>
    <xsd:element name="SupplementaryTitle" ma:index="32" nillable="true" ma:displayName="Supplementary Title" ma:default="Not Defined" ma:internalName="SupplementaryTitle">
      <xsd:simpleType>
        <xsd:restriction base="dms:Text"/>
      </xsd:simpleType>
    </xsd:element>
    <xsd:element name="BasedOnDocumentPartId" ma:index="33" nillable="true" ma:displayName="Based On Document Part Id" ma:internalName="BasedOnDocumentPartId">
      <xsd:simpleType>
        <xsd:restriction base="dms:Text">
          <xsd:maxLength value="32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TemplateConfiguration><![CDATA[{"slideVersion":1,"isValidatorEnabled":false,"isLocked":false,"elementsMetadata":[],"slideId":"638200966397524360","enableDocumentContentUpdater":false,"version":"2.0"}]]></TemplafySlideTemplateConfiguration>
</file>

<file path=customXml/item8.xml><?xml version="1.0" encoding="utf-8"?>
<TemplafySlideFormConfiguration><![CDATA[{"formFields":[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],"formDataEntries":[]}]]></TemplafySlideFormConfiguration>
</file>

<file path=customXml/item9.xml><?xml version="1.0" encoding="utf-8"?>
<TemplafyFormConfiguration><![CDATA[{"formFields":[{"required":false,"placeholder":"","lines":1,"defaultValue":"","shareValue":false,"type":"textBox","name":"DocumentID","label":"Document ID"},{"required":false,"placeholder":"","lines":1,"defaultValue":"","shareValue":false,"type":"textBox","name":"DocumentTitle","label":"Document Title"},{"required":false,"placeholder":"","lines":1,"shareValue":false,"type":"textBox","name":"ProjectName","label":"Project Name"},{"required":false,"maxLength":10,"placeholder":"","lines":1,"defaultValue":"","shareValue":false,"type":"textBox","name":"Revision","label":"Revision"},{"required":false,"shareValue":false,"type":"datePicker","name":"ApprovalDate","label":"Approval Date"},{"required":false,"placeholder":"","lines":1,"shareValue":false,"type":"textBox","name":"ApprovedByPerson","label":"Approved By Person"},{"required":false,"shareValue":false,"type":"datePicker","name":"PreparedDate","label":"Displayed Date"},{"required":false,"placeholder":"","lines":1,"defaultValue":"","shareValue":false,"type":"textBox","name":"PreparedByPerson","label":"Prepared By Person"},{"distinct":false,"hideIfNoUserInteractionRequired":false,"required":false,"defaultValue":"Presentation","autoSelectFirstOption":false,"shareValue":false,"type":"dropDown","dataSourceName":"DocumentKinds","dataSourceFieldName":"DocumentKind","name":"DocumentKind","label":"Document Kind"},{"distinct":false,"hideIfNoUserInteractionRequired":false,"required":false,"defaultValue":"en","autoSelectFirstOption":false,"shareValue":false,"type":"dropDown","dataSourceName":"LanguageCodes","dataSourceFieldName":"Name","name":"Language","label":"Language"},{"distinct":false,"hideIfNoUserInteractionRequired":false,"required":false,"defaultValue":"Draft","autoSelectFirstOption":false,"shareValue":false,"type":"dropDown","dataSourceName":"LifeCycleStatus","dataSourceFieldName":"Name","name":"LifeCycleStatus","label":"Life Cycle Status"},{"required":false,"placeholder":"","lines":1,"defaultValue":"","shareValue":false,"type":"textBox","name":"OwningOrganization","label":"Owning Organization"},{"distinct":false,"hideIfNoUserInteractionRequired":false,"required":false,"defaultValue":"1 Blank / No selection","autoSelectFirstOption":false,"shareValue":false,"type":"dropDown","dataSourceName":"SecurityLevels","dataSourceFieldName":"Name","name":"SecurityLevel","label":"Security Level"},{"helpTexts":{},"spacing":{},"type":"instructions","name":"PleaseSelectWhichFooterElementsDoYouWantToInclude","label":"Please select which footer elements do you want to include: "},{"defaultValue":{"fixedValue":true},"helpTexts":{},"spacing":{},"shareValue":false,"type":"checkBox","name":"Date","label":"Date"},{"defaultValue":{"fixedValue":true},"helpTexts":{},"spacing":{},"shareValue":false,"type":"checkBox","name":"SlideNumber","label":"Slide number"},{"defaultValue":{"fixedValue":true},"helpTexts":{},"spacing":{},"shareValue":false,"type":"checkBox","name":"Copyright","label":"Copyright"},{"defaultValue":{"fixedValue":true},"helpTexts":{},"spacing":{},"shareValue":false,"type":"checkBox","name":"Logo","label":"Logo"}],"formDataEntries":[{"name":"DocumentID","value":"npIDexmnRzOcjhpjclFbEw=="},{"name":"DocumentTitle","value":"npIDexmnRzOcjhpjclFbEw=="},{"name":"ProjectName","value":"npIDexmnRzOcjhpjclFbEw=="},{"name":"Revision","value":"npIDexmnRzOcjhpjclFbEw=="},{"name":"ApprovalDate","value":"npIDexmnRzOcjhpjclFbEw=="},{"name":"ApprovedByPerson","value":"npIDexmnRzOcjhpjclFbEw=="},{"name":"PreparedDate","value":"npIDexmnRzOcjhpjclFbEw=="},{"name":"PreparedByPerson","value":"npIDexmnRzOcjhpjclFbEw=="},{"name":"DocumentKind","value":"EqfNdjmDLMD5/9QAKm3UDaCkF7Q4ZKW1Cg5g5MojjLk="},{"name":"Language","value":"nVWUwVCH4hPlxqXy4HP9YtfdIMCGVn0BS77jADLFKoo="},{"name":"LifeCycleStatus","value":"QnWOujKLJp1RvJFaXvBl6HPTKUr9NiUrF8/eA/+Hz0E="},{"name":"OwningOrganization","value":"npIDexmnRzOcjhpjclFbEw=="},{"name":"SecurityLevel","value":"AjUfbU7fcmJ9ahnATTBBemZ2fau3JMwZtl4s3Acf4Qc="},{"name":"Date","value":"/qSOYQOhULkeur4k+TWcKw=="},{"name":"SlideNumber","value":"/qSOYQOhULkeur4k+TWcKw=="},{"name":"Copyright","value":"/qSOYQOhULkeur4k+TWcKw=="},{"name":"Logo","value":"/qSOYQOhULkeur4k+TWcKw=="}]}]]></TemplafyFormConfiguration>
</file>

<file path=customXml/itemProps1.xml><?xml version="1.0" encoding="utf-8"?>
<ds:datastoreItem xmlns:ds="http://schemas.openxmlformats.org/officeDocument/2006/customXml" ds:itemID="{29D7A846-0DA2-42A4-98F2-11B97807D5A0}">
  <ds:schemaRefs/>
</ds:datastoreItem>
</file>

<file path=customXml/itemProps10.xml><?xml version="1.0" encoding="utf-8"?>
<ds:datastoreItem xmlns:ds="http://schemas.openxmlformats.org/officeDocument/2006/customXml" ds:itemID="{55E46940-6434-4A2E-97B3-DE85BC1783F5}">
  <ds:schemaRefs/>
</ds:datastoreItem>
</file>

<file path=customXml/itemProps11.xml><?xml version="1.0" encoding="utf-8"?>
<ds:datastoreItem xmlns:ds="http://schemas.openxmlformats.org/officeDocument/2006/customXml" ds:itemID="{66E1508F-A58E-4DD5-9EB8-AC4BDE314F53}">
  <ds:schemaRefs>
    <ds:schemaRef ds:uri="Microsoft.SharePoint.Taxonomy.ContentTypeSync"/>
  </ds:schemaRefs>
</ds:datastoreItem>
</file>

<file path=customXml/itemProps12.xml><?xml version="1.0" encoding="utf-8"?>
<ds:datastoreItem xmlns:ds="http://schemas.openxmlformats.org/officeDocument/2006/customXml" ds:itemID="{8265113A-9CF8-4F3C-A204-F97A907EC37F}">
  <ds:schemaRefs/>
</ds:datastoreItem>
</file>

<file path=customXml/itemProps13.xml><?xml version="1.0" encoding="utf-8"?>
<ds:datastoreItem xmlns:ds="http://schemas.openxmlformats.org/officeDocument/2006/customXml" ds:itemID="{17737E7C-FF8E-4947-8556-019F4675B7F5}">
  <ds:schemaRefs/>
</ds:datastoreItem>
</file>

<file path=customXml/itemProps14.xml><?xml version="1.0" encoding="utf-8"?>
<ds:datastoreItem xmlns:ds="http://schemas.openxmlformats.org/officeDocument/2006/customXml" ds:itemID="{3701DADA-2F68-45DF-8F02-C8ED25A02974}">
  <ds:schemaRefs/>
</ds:datastoreItem>
</file>

<file path=customXml/itemProps15.xml><?xml version="1.0" encoding="utf-8"?>
<ds:datastoreItem xmlns:ds="http://schemas.openxmlformats.org/officeDocument/2006/customXml" ds:itemID="{20F01761-FF92-45AA-AFD3-07A4C4C43484}">
  <ds:schemaRefs>
    <ds:schemaRef ds:uri="http://schemas.openxmlformats.org/package/2006/metadata/core-properties"/>
    <ds:schemaRef ds:uri="http://schemas.microsoft.com/office/2006/documentManagement/types"/>
    <ds:schemaRef ds:uri="71d29222-2c5f-45ad-9aa5-4c2d15fddbe9"/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purl.org/dc/terms/"/>
    <ds:schemaRef ds:uri="http://www.w3.org/XML/1998/namespace"/>
    <ds:schemaRef ds:uri="http://purl.org/dc/dcmitype/"/>
  </ds:schemaRefs>
</ds:datastoreItem>
</file>

<file path=customXml/itemProps2.xml><?xml version="1.0" encoding="utf-8"?>
<ds:datastoreItem xmlns:ds="http://schemas.openxmlformats.org/officeDocument/2006/customXml" ds:itemID="{E296156F-3DB4-48ED-BF14-FAC9F0C4F58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D2280EEE-F7B5-4B82-8B3F-6C5291CE43BF}">
  <ds:schemaRefs/>
</ds:datastoreItem>
</file>

<file path=customXml/itemProps4.xml><?xml version="1.0" encoding="utf-8"?>
<ds:datastoreItem xmlns:ds="http://schemas.openxmlformats.org/officeDocument/2006/customXml" ds:itemID="{583016FA-8CF4-49F0-B3A3-2E0DED7C71BA}">
  <ds:schemaRefs/>
</ds:datastoreItem>
</file>

<file path=customXml/itemProps5.xml><?xml version="1.0" encoding="utf-8"?>
<ds:datastoreItem xmlns:ds="http://schemas.openxmlformats.org/officeDocument/2006/customXml" ds:itemID="{DD3C33AD-792D-4526-B706-A09FEA4C6707}">
  <ds:schemaRefs/>
</ds:datastoreItem>
</file>

<file path=customXml/itemProps6.xml><?xml version="1.0" encoding="utf-8"?>
<ds:datastoreItem xmlns:ds="http://schemas.openxmlformats.org/officeDocument/2006/customXml" ds:itemID="{189C1233-36FA-4952-984E-C0B4B998970D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1d29222-2c5f-45ad-9aa5-4c2d15fddbe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20F5C750-582F-46BB-A4BF-CBC0EFE7CA78}">
  <ds:schemaRefs/>
</ds:datastoreItem>
</file>

<file path=customXml/itemProps8.xml><?xml version="1.0" encoding="utf-8"?>
<ds:datastoreItem xmlns:ds="http://schemas.openxmlformats.org/officeDocument/2006/customXml" ds:itemID="{3ECD800E-71F1-48A7-95FD-4E027165EBAE}">
  <ds:schemaRefs/>
</ds:datastoreItem>
</file>

<file path=customXml/itemProps9.xml><?xml version="1.0" encoding="utf-8"?>
<ds:datastoreItem xmlns:ds="http://schemas.openxmlformats.org/officeDocument/2006/customXml" ds:itemID="{88746BAB-2507-4F3A-B16E-ED38367EE530}">
  <ds:schemaRefs/>
</ds:datastoreItem>
</file>

<file path=docMetadata/LabelInfo.xml><?xml version="1.0" encoding="utf-8"?>
<clbl:labelList xmlns:clbl="http://schemas.microsoft.com/office/2020/mipLabelMetadata">
  <clbl:label id="{d792d246-d363-40e2-82bc-6f0655128b68}" enabled="1" method="Standard" siteId="{372ee9e0-9ce0-4033-a64a-c07073a91ecd}" contentBits="0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ABB PPT Template Templafy 2021120</Template>
  <TotalTime>12925</TotalTime>
  <Words>282</Words>
  <Application>Microsoft Macintosh PowerPoint</Application>
  <PresentationFormat>Widescreen</PresentationFormat>
  <Paragraphs>35</Paragraphs>
  <Slides>6</Slides>
  <Notes>4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3" baseType="lpstr">
      <vt:lpstr>ABBvoice</vt:lpstr>
      <vt:lpstr>ABBvoice Light</vt:lpstr>
      <vt:lpstr>ABBvoiceOffice</vt:lpstr>
      <vt:lpstr>Arial</vt:lpstr>
      <vt:lpstr>Verdana</vt:lpstr>
      <vt:lpstr>wfont_cdbb40_0084ebea31424bde8cbeea0df90640b5</vt:lpstr>
      <vt:lpstr>ABB Master</vt:lpstr>
      <vt:lpstr>Your Company Name</vt:lpstr>
      <vt:lpstr>1. General information about your company</vt:lpstr>
      <vt:lpstr>2. Technology</vt:lpstr>
      <vt:lpstr>3. Your solution to our challenge</vt:lpstr>
      <vt:lpstr>4. Complementary slides (if any)</vt:lpstr>
      <vt:lpstr>PowerPoint Presentation</vt:lpstr>
    </vt:vector>
  </TitlesOfParts>
  <Company>ABB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>ABB</dc:creator>
  <cp:lastModifiedBy>Mathias Winbladh</cp:lastModifiedBy>
  <cp:revision>85</cp:revision>
  <dcterms:created xsi:type="dcterms:W3CDTF">2024-12-18T07:10:57Z</dcterms:created>
  <dcterms:modified xsi:type="dcterms:W3CDTF">2025-04-07T13:41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ideDate">
    <vt:lpwstr>True</vt:lpwstr>
  </property>
  <property fmtid="{D5CDD505-2E9C-101B-9397-08002B2CF9AE}" pid="3" name="hideSlideNumber">
    <vt:lpwstr>True</vt:lpwstr>
  </property>
  <property fmtid="{D5CDD505-2E9C-101B-9397-08002B2CF9AE}" pid="4" name="hideCopyright">
    <vt:lpwstr>True</vt:lpwstr>
  </property>
  <property fmtid="{D5CDD505-2E9C-101B-9397-08002B2CF9AE}" pid="5" name="hideLogo">
    <vt:lpwstr>True</vt:lpwstr>
  </property>
  <property fmtid="{D5CDD505-2E9C-101B-9397-08002B2CF9AE}" pid="6" name="TemplafyTimeStamp">
    <vt:lpwstr>2023-05-19T12:37:20</vt:lpwstr>
  </property>
  <property fmtid="{D5CDD505-2E9C-101B-9397-08002B2CF9AE}" pid="7" name="TemplafyTenantId">
    <vt:lpwstr>abb</vt:lpwstr>
  </property>
  <property fmtid="{D5CDD505-2E9C-101B-9397-08002B2CF9AE}" pid="8" name="TemplafyTemplateId">
    <vt:lpwstr>638200966374366508</vt:lpwstr>
  </property>
  <property fmtid="{D5CDD505-2E9C-101B-9397-08002B2CF9AE}" pid="9" name="TemplafyUserProfileId">
    <vt:lpwstr>637909592651071925</vt:lpwstr>
  </property>
  <property fmtid="{D5CDD505-2E9C-101B-9397-08002B2CF9AE}" pid="10" name="TemplafyLanguageCode">
    <vt:lpwstr>en-US</vt:lpwstr>
  </property>
  <property fmtid="{D5CDD505-2E9C-101B-9397-08002B2CF9AE}" pid="11" name="BrandName">
    <vt:lpwstr>ABB</vt:lpwstr>
  </property>
  <property fmtid="{D5CDD505-2E9C-101B-9397-08002B2CF9AE}" pid="12" name="TemplafyFromBlank">
    <vt:bool>true</vt:bool>
  </property>
</Properties>
</file>